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9929"/>
  <workbookPr/>
  <mc:AlternateContent xmlns:mc="http://schemas.openxmlformats.org/markup-compatibility/2006">
    <mc:Choice Requires="x15">
      <x15ac:absPath xmlns:x15ac="http://schemas.microsoft.com/office/spreadsheetml/2010/11/ac" url="C:\Users\chris.alston\Downloads\"/>
    </mc:Choice>
  </mc:AlternateContent>
  <xr:revisionPtr revIDLastSave="0" documentId="13_ncr:1_{4F8F97FA-9584-4AB2-92E7-89D4B38EEDA9}" xr6:coauthVersionLast="47" xr6:coauthVersionMax="47" xr10:uidLastSave="{00000000-0000-0000-0000-000000000000}"/>
  <bookViews>
    <workbookView xWindow="5025" yWindow="-15195" windowWidth="19185" windowHeight="13110" xr2:uid="{00000000-000D-0000-FFFF-FFFF00000000}"/>
  </bookViews>
  <sheets>
    <sheet name="Productivity Pitch ideas" sheetId="1" r:id="rId1"/>
  </sheets>
  <definedNames>
    <definedName name="_xlnm._FilterDatabase" localSheetId="0" hidden="1">'Productivity Pitch ideas'!$A$1:$I$453</definedName>
  </definedName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calcFeatures>
    </ext>
  </extLst>
</workbook>
</file>

<file path=xl/calcChain.xml><?xml version="1.0" encoding="utf-8"?>
<calcChain xmlns="http://schemas.openxmlformats.org/spreadsheetml/2006/main">
  <c r="C344" i="1" l="1"/>
  <c r="C343" i="1"/>
  <c r="C48" i="1"/>
  <c r="C47" i="1"/>
  <c r="C45" i="1"/>
  <c r="C43" i="1"/>
  <c r="B14" i="1"/>
</calcChain>
</file>

<file path=xl/sharedStrings.xml><?xml version="1.0" encoding="utf-8"?>
<sst xmlns="http://schemas.openxmlformats.org/spreadsheetml/2006/main" count="4050" uniqueCount="1338">
  <si>
    <t>Idea title</t>
  </si>
  <si>
    <t>Description</t>
  </si>
  <si>
    <t>Tell us more about your idea for improving productivity, including the likely benefits</t>
  </si>
  <si>
    <t>Creating a dynamic and resilient economy</t>
  </si>
  <si>
    <t>Building a more skilled and adaptable workforce</t>
  </si>
  <si>
    <t>Harnessing data and digital technology</t>
  </si>
  <si>
    <t>Delivering quality care more efficiently</t>
  </si>
  <si>
    <t>Investing in cheaper, cleaner energy and the net zero transformation</t>
  </si>
  <si>
    <t>No, it's about something different</t>
  </si>
  <si>
    <t>Space-based technologies like Earth observation (EO) can be better harnessed to deliver on national priorities</t>
  </si>
  <si>
    <t>“Space” is often seen as a siloed, specialised domain by policy-makers and the public. For many, space may understandably seem more beneficial to billionaires than the suburbs and beyond. Yet it is about more than rockets. Earth observation (EO) technologies are a critical enabler of improving productivity, driving economic growth and supporting the net zero transformation. A growing number of nations are recognising this, as have the OECD and the World Economic Forum. An opportunity exists in Australia to better understand and responsibly harness the benefits of space technologies across government to deliver on national priorities.</t>
  </si>
  <si>
    <t>The global space economy is estimated to surge, tripling from current levels to US$1.8 trillion by 2035 according to the World Economic Forum (WEF). Much of this growth is centred around what are called Earth observation (EO) technologies.
So, what are EO technologies? Essentially, this refers to space-based EO satellites that orbit above us and collect data through remote sensing. That data is then transmitted to terrestrial ground stations. Calibration, validation and analysis then help transform this data into meaningful, actionable insights for government, industry and communities on-the-ground. 
NASA describes EO technologies as capturing the ‘vital signs of our planet’ and monitoring changes to what’s happening on the Earth’s land, waterways and atmosphere. 
Why does this matter for Australia? 
The benefits are multiple: EO data can boost productivity by providing ‘targeted insights’, leading to ‘better management of Australia’s resources including agriculture, water, minerals and land, through improved decision times and better utilisation of time and resources’, according to the Australian Space Agency’s civil space strategy. 
The OECD also notes there is a ‘growing appreciation of space-based solutions by decision-makers worldwide’. EO data guides evidence-based decision-making for a range of civilian uses: natural disaster response and recovery for bushfires and floods, the net zero transformation, biodiversity conservation, climate change and more.
Indigenous-led businesses are already at the forefront of using EO for decision-making on land and water management. It is essential to listen to and elevate the perspectives, priorities, power and prosperity of First Nations peoples in the use of EO. 
EO can also monitor and track greenhouse gas emissions up and down supply chains. This is critical to achieving the net zero transformation and implementing the newly legislated mandatory climate-related financial disclosures. 
WEF estimates harnessing EO data can ‘eliminate up to 2 gigatonnes of emissions per year’ – that is equal to the emissions of 476 million petrol-powered cars annually.
The integration of AI capabilities with EO data can accelerate this, offering ‘catalytic potential’, according to the WEF. AI can quickly process and analyse vast amounts of raw EO data into meaningful, actionable insights for non-technical decision-makers across government, industry and communities. Australia’s AI start-up ecosystem is well-positioned to capitalise on this, unlock new markets and ensure the safe and responsible use of AI. 
Latest figures show that Australia’s EO sector directly contributes AU$238 million annually to the economy, according to Deloitte. Conservative estimates of broader indirect contributions are AU$2.5 billion annually, benefiting industries like agriculture, construction, resources and weather management. EO creates jobs, employing 1,570 FTEs. Expanding the domestic EO sector can grow these figures even further.
Yet, a risk exists that Australia will not harness the benefits of space technologies like EO to its full potential unless we shift how we think about “space”. There is a pressing need to better understand and integrate considerations of space technologies like EO across government departments and agencies through what I call a “space mainstreaming” approach, rather than limiting them to a specialised, siloed domain of policy development and decision-making. 
Regardless, there needs to be a renewed focus by government on how to responsibly harness space technologies like EO to deliver on national priorities, including creating a strong and resilient economy, improving productivity and supporting the net zero transformation, among others.</t>
  </si>
  <si>
    <t>Yes</t>
  </si>
  <si>
    <t>No</t>
  </si>
  <si>
    <t>Clean air through clean energy &amp; ending domestic solid fuel combustion</t>
  </si>
  <si>
    <t>Domestic solid fuel combustion is the dominant source of hazardous fine particle pollution in Australia's urban, rural and regional areas, yet its effects on health, the climate and the environment are largely unrecognised through lack of education and awareness. Hazardous fine particle pollution (PM2.5) is a source of morbidity and mortality in Australia and globally yet there is no policy action to prevent the largest sources emitted in residential areas where it affects people where they live, work and play.</t>
  </si>
  <si>
    <t>In Victoria just 10% of homes reliant on wood-heaters for heating emit more PM2.5 than all the vehicles on the road, industry and aviation combined, according to EPA Victoria data. This impact on Victorians is estimated conservatively to cost the economy $8.1billion in the 10 years to 2028 in deaths and hospitalisations alone. Yet secondary use of wood-heaters and other outdoor solid fuel devices such as fire pits, solid fuel BBQs, pizza ovens, food smokers etc are not quantified.  The impacts beyond deaths and hospitalisations are expressed in the air pollution pyramid. In Victoria just 10% of homes reliant on wood-heaters for heating emit more PM2.5 than all the vehicles on the road, industry and aviation combined, according to EPA Victoria data. This impact on Victorians is estimated conservatively to cost the economy $8.1billion in the 10 years to 2028 in deaths and hospitalisations alone. Yet secondary use of wood-heaters and other outdoor solid fuel devices such as fire pits, solid fuel BBQs, pizza ovens, food smokers etc are not quantified.  The impacts beyond deaths and hospitalisations are expressed in the air pollution pyramid which reveals the large cost to society loss of productivity in lost school and work hours.</t>
  </si>
  <si>
    <t>Charitable Donation Clearing House</t>
  </si>
  <si>
    <t>That a Charitable Donation Clearing House be established to facilitate secure donations to Australian registered charities and automate tax deduction claims for gifts and donations.</t>
  </si>
  <si>
    <t>Establishing a Charitable Donation Clearing House would provide assurance to individuals that donations could securely be made to Australian registered charities. It would also reduce the administrative burden required to claim a tax deduction for a gift or donation.</t>
  </si>
  <si>
    <t>Commonwealth Registration Systems</t>
  </si>
  <si>
    <t>That Commonwealth registration systems be established for:
•	Vehicle registration.
•	Driver licences.
•	Occupational registration/Trade licences.
These systems would facilitate the free movement of labour with the country.</t>
  </si>
  <si>
    <t>At present, there is a financial disincentive to move inter-state i.e. to take up a job opportunity, with the need to cancel existing vehicle registration and driver licences, and establish new vehicle registration, driver licences and, in some cases, occupational registration or trade licences, in the destination state. 
To address this issue, Commonwealth Registration Systems should be established to replace existing state-based registration and licencing systems. These national systems would allow individuals to move inter-state without incurring the financial costs associated with transferring registration or establishing licences provided by government. This would enhance the existing state-based automatic occupational recognition schemes. 
A change of address, associated with an inter-state move, could then be easily completed as is currently the case with updating electoral enrolment details with the Australian Electoral Commission.  
Registration and licence revenue could continue to be credited to the state/territory government of primary residence.</t>
  </si>
  <si>
    <t>Net zero regional economic development strategy</t>
  </si>
  <si>
    <t>A national strategy to identify and support regional development opportunities from the net zero transition. The strategy would identify opportunities for growing high value, globally competitive industries in the regions, utilising access to reliable and affordable renewable energy. It would explore the role that benefit sharing initiatives connected to major renewable energy projects can play to build social licence and invest in local skills and infrastructure capacity-building.</t>
  </si>
  <si>
    <t>The net zero transition is driving significant capital investment in regional Australia and has the potential to deliver considerable long -term flow-on benefits for regional communities.  A regional economic development strategy would aim to leverage opportunities from these investments and the reliable and affordable renewable energy they will produce, including the best use of benefit sharing initiatives that can lift the productive capacity of regions.  
New industry development – investments in renewable energy will create opportunities for additional value-adding investments in regional areas, building on local economic strengths. The strategy would identify finance, skills, infrastructure and other key production inputs required for new investments and the appropriate role for government support. For example, the Future Made in Australia (FMA) package will support investment in green fuels production in regional Australia.
Legacy building investments - community benefit funds attached to net zero projects can be used to make investments in productivity-enhancing skills and infrastructure. Funding for road improvements, boosts to regional digital connectivity or water and energy infrastructure improvements are potential areas of productive investment. Models for benefit sharing should consider the potential role of a coordination body such as local government or Regional Development Australia (RDA) to collect and allocate funding to productivity improving initiatives.</t>
  </si>
  <si>
    <t>Commonwealth Land Tax Transition Accounts</t>
  </si>
  <si>
    <t>That Commonwealth Land Tax Transition Accounts be established to facilitate the transition from state property stamp duties to land taxes on a fair and equitable basis. These accounts would be credited with the value of stamp duty paid on a property that would then be used to offset land tax liabilities subsequently imposed on the property.</t>
  </si>
  <si>
    <t>Many have advocated the introduction of land taxes as a more effective and efficient tax to replace existing state and territory property stamp duties (also referred to as transfer duties).
While a transition to land taxes should avoid ‘double taxation’ i.e. the imposition of land taxes on those individuals who have already paid stamp duty on a property (in essence an upfront payment of tax), this should be balanced with the need for individuals to contribute to future services provided by the state on a fair and equitable basis.
To address this issue, Commonwealth Land Tax Transition Accounts should be established. These accounts would be credited with a value equivalent to the nominal amount of stamp duty paid on a property when originally purchased. These credits would then be used to offset (up to say 80-90%) of the land tax imposed on a property each year. The full amount of annual land tax would be payable when the credits in the transition accounts have been exhausted.
Combined with a gradual transition from stamp duty to land tax (over say 10 to 20 years) this would:
•	Ameliorate the impost of the introduction of the new tax.
•	Avoid double taxation.
•	Minimise the effect on the housing market from the transition to the new tax.
Consideration could also be given to ‘portability’ of the credits in the transition accounts, allowing them to be utilised on land tax liabilities for other properties either already owned by an individual, or on new properties as they are bought and sold. This would provide some of the immediate benefits of housing market flexibility expected to be realised from the introduction of land taxes i.e. removing the disincentive of the stamp duty penalty imposed when individuals sell one property to buy another due to changing circumstances such as: a relationship breakdown; taking up an intra-state or inter-state job opportunity; or downsizing to a smaller property later in life.</t>
  </si>
  <si>
    <t>Improve labour mobility to lift regional productivity</t>
  </si>
  <si>
    <t>Implement a set of reforms to improve labour mobility that is essential to productive and competitive regional economies. There are over 70,000 job vacancies in regional Australia and many of these roles will need to be filled by workers moving from the capital cities or other regions to take up the job, which can incur costs. Removing regulatory, information and financial barriers to skilled workers moving to regional areas will lift regional productivity and national output.</t>
  </si>
  <si>
    <t>Better matching of skilled labour demand with skilled workers in regional labour markets will lift productivity and support growth.  Due to their size and location, many regional areas require vacant roles to be filled with workers moving to the area, which can be costly or present other challenges. 
A package of reforms to improve labour mobility and attract skilled workers to regions to fill job vacancies could include:
Stamp duty reform to reduce the costs on mobility from selling and buying a home and enabling workers and families to more easily move to another location in Australia to fill job vacancies. 
Increasing regional housing supply for owner-occupiers and renters by setting targets for regional housing supply under the National Accord, planning reforms and improving access to skilled labour, construction materials and housing finance. Regional Australia is experiencing housing shortages with regional house prices increasing faster than metropolitan areas and very low rental vacancies.
Cross-jurisdictional skills recognition has been identified as a key area of reform in the 2024 National Competition Policy: modelling proposed reforms, with occupational licensing (L2.1) providing an additional $5-10 billion in GDP with a 0.10-0.19% reduction in CPI. Further the Productivity Commission’s previous Advancing prosperity report estimates the productivity gain to be 0.8% for industries with the highest incidence of occupational licencing. Within the National Skills Plan and National Skills Passport, addressing and improving occupational licencing recognition will significantly boost productivity, particularly in cross-border regions.
Improving migrant skills recognition will enable migrants living in regional Australia to utilise their skills to address regional skill shortages and contribute to higher productivity. Skills recognition processes should be faster and less costly for regional migrants and businesses. 
Promote regional jobs and lifestyles through campaigns that build awareness of job opportunities and the lifestyle benefits of moving to regions that need skilled workers.</t>
  </si>
  <si>
    <t>Creating a multi-disciplinary care workforce will prioritise transferrable skills sets and remove occupational silos</t>
  </si>
  <si>
    <t>Current VET training encourages siloed, occupation-centred learning options. A skills-centred VET system will better meet industry needs, provide greater flexibility in training and career pathways and be more responsive to economic shifts and emerging technologies. This would build on Jobs and Skills Australia’s Skills Classification work (https://www.jobsandskills.gov.au/australian-skills-classification?page=skills)</t>
  </si>
  <si>
    <t>The increasing demand on the care and support sectors has been deemed a “megatrend” (HumanAbility 2024). This megatrend has an impact not only on our urban workforce but more critically in the culturally thin markets in remote, rural and regional Australia. The care sector requires a person-centred approach, for industry to meet these requirements qualifications must be industry responsive and transferrable.
Currently workers qualified to work in either aged care or disability cannot easily work across both sectors. Under the current VET training package guidelines, they are siloed creating two discrete workforces with almost identical skill sets. A skills-based training approach would allow workers in these sectors to be utilised more effectively and efficiently across both. 
While Jobs and Skills Australia have developed the Australian Skills Classification, this work is not reflected in the VET system.
Reframing the direction of VET qualifications to remove occupational silos and create generalist and specialised skill sets would enable people to work flexibly across a range of industries or sectors. This will require further VET reform to refocus qualifications on skill sets rather than occupations while still meeting regulatory standards.
Even though the VET system has the mechanisms to be adaptive and flexible it is currently not delivering that way. The VET funding model restricts innovative training to employment pathways and doesn’t focus on the quality of training rather, on the numbers of enrolments. 
Moving to a skills-based student-centred training model will allow the creation of an adaptable and local placed based health and care workforce which will have a lasting impact on regional, rural and remote economies. A skills focus would support Aboriginal and Torres Strait Islander Community Controlled Health Registered Training Organisations (ACCHRTO) to streamline capability building across the care and support sectors for the ACCHO workforce. The ACCHO sector is a strong example of integrated primary healthcare models combining multidisciplinary workforces to deliver high quality, person centred services to their communities.</t>
  </si>
  <si>
    <t>Strengthening local economies by prioritising local people for local jobs and training opportunities</t>
  </si>
  <si>
    <t>With higher rates of unemployment and lower job retention, regional and remote areas provide the opportunity for huge potential increases in productivity. Improving place-based economic viability requires prioritising local people for local jobs. To support this, localised job mapping, investment in skill development for local people and sustainable local workforce pathways are needed.  
With greater investment, there is scope for Aboriginal community controlled and mainstream organisations to employ more Aboriginal and Torres Strait Islander people and deliver more services.</t>
  </si>
  <si>
    <t>Under the National Agreement on Closing the Gap, all Australian governments have committed to improving economic and workforce participation outcomes for Aboriginal and Torres Strait Islander people.
For many of our communities, “you can’t be what you can’t see”. This requires local people to be prioritised for local jobs rather than these being outsourced to external workers commuting from major cities. There is opportunity to expand the skills of residents and workers in regional and remote settings to build stronger localised workforces.  
Access to culturally appropriate industry focused training remains a barrier for communities. Aboriginal Community Controlled Registered Training Organisations can support more localised training, and offer supportive, culturally safe wrap around care for their students. Early results of these programs have shown that this has had huge impacts on training retention rates. 
Supporting industry-focussed training across all sectors of the economy ensures Aboriginal and Torres Strait Islander people are part of future focussed workforce opportunities. This includes those industries identified by the White Paper such as clean energy transition, digital and technology, AI, care economy as well as defence and security, minerals and renewables.
Governments can support this by requiring funded programs and contracted organisations to engage and train local workforce. For example, remote housing maintenance contracts delivered by urban-based companies often use FIFO workers to complete repairs. Contracts requiring the employment and training of a localised workforce would provide opportunities for local people to gain new skills, service their own community and contribute to the local economy. It would mean fewer delays to housing repairs delaying the need for more significant repairs. Qualified Aboriginal and Torres Strait Islander workers should be front and centre in delivering on projects such as the $4 billion remote housing and maintenance commitment. 
Investing in localised workforce requires a long-term approach and investment which will advance the Government’s roadmap for Australia to build a highly productive workforce. By prioritising local people for local jobs, the economy thrives in regional and remote locations as money returns to local businesses. This proposal aligns with the Productivity Commission’s objectives to boost local economies, retain wealth, increase workforce engagement and motivation, develop skills, training and education and reduce economic disparities.
As communities become more empowered, self-sufficient and skilled, there will be beneficial improvements in social determinants of heath indicators: health, mental health and wellbeing, education and training, and community cohesion, all of which have significant economic benefits.</t>
  </si>
  <si>
    <t>A flexible training model that provides a holistic approach to training and development as the ACCHO sectors workforce needs change and grow</t>
  </si>
  <si>
    <t>ACCHOs require workers with a specific skillset, and training organisations need to provide appropriate education to meet that need. Interest in health careers is evident in Aboriginal and Torres Strait Islander student enrolment numbers, however, completion rates in both higher education and VET programs continue to lag behand those of other Australians. A student centric training model addresses these issues.
There is a training pathway model that can deliver a multidisciplinary workforce. The model acknowledges that people often start and change careers at different stages of their lives. It supports this by facilitating entry at multiple points and streamlining recognition of existing skills and experience as part of new qualifications</t>
  </si>
  <si>
    <t>Strong education and training pathways are essential to meet the increasing demand for the First Nations health and human services workforce. This requires significant planning and investment to develop robust Aboriginal and Torres Strait Islander-led training and structured career pathways. 
VET qualifications offer excellent work ready pathways and provide opportunities to build multidisciplinary teams via upskilling. It promotes the recognition of previous skills, experience and employment to fast-track accredited training where appropriate and acts as a platform for further specialisation and study where desired. 
The VET pathway model outlined in the Aboriginal and Torres Strait Islander Health and Care Traineeship Framework ( has been developed in response to critical workforce shortages in  the ACCHO sector but can be expanded across all sectors. There is a current trial being undertake for the traineeship pathway model. In the first 18 months there have been over 380 enrolments with strong completion rates.
The model is centered on the critical wrap around student support provided by the Aboriginal Community Controlled Registered Training Organisation sector which has been shown to be a key enabler for better completion rates for Aboriginal and Torres Strait Islander students within a VET context (Gwynne et al, 2020).
There are opportunities for this model to also expand into other industries and to support effective VET to higher education pathways. 
Further expansion of this program offers economic benefits including increased employment rates; improved employee retention; upskilling; providing entry level pathways and school leaver trainee and apprenticeship linkages. 
This proposal supports objectives of the National Agreement on Closing the Gap, the First Nations Economic Partnership, the National Skills Agreement and Australian Universities Accord, and the Government's Working Future White Paper. It contributes to Objectives 3.1 and 3.3 of the National Aboriginal and Torres Strait Islander Health Plan 2021-2031, and aligns with Strategic Directions 2, 4, 5 and 6 in the National Aboriginal and Torres Strait Islander Health Workforce Strategic Framework and Implementation Plan 2021-2031. 
Reference
Gwynne K, Rojas J, Hines M, Bulkeley K, Irving M, McCowen D, Lincoln M. Customised approaches to vocational education can dramatically improve completion rates of Australian Aboriginal students. Aust Health Rev. 2020 Feb;44(1):7-14. doi: 10.1071/AH18051. PMID: 30867086.</t>
  </si>
  <si>
    <t>Improve digital connectivity in regional Australia</t>
  </si>
  <si>
    <t>Secure and reliable digital connectivity is a game-changer for regional productivity and is unlocking new uses of labour, capital and technology in regional Australia, where many of Australia’s comparative advantage industries are located. A regional connectivity strategy should ensure all parts of Australia can access reliable, superfast broadband and that regional workers, businesses and education providers have the skills, information and incentives needed to adopt productivity-enhancing technologies.</t>
  </si>
  <si>
    <t>A regional digital connectivity strategy would set minimum national standards for broadband access and reliability and ensure provision meets the standard in all parts of Australia.  It would build the digital capacity of regions by developing digital skills and promoting opportunities for innovation and business growth. 
Reliable and affordable connectivity will provide businesses and individuals with the certainty and confidence to invest in skills development, innovation and capacity building in every part of Australia, including in remote areas that are the location of many of Australia’s most competitive industries. 
Digital connectivity can significantly offset the challenges of scale and remoteness in regional Australia and unlock high value economic activity. 
Business innovation and growth in regional Australia is highly dependent on regional internet connectivity to provide access to critical skills, finance and technology inputs as well as access to customers. Productivity gains from the adoption of technological innovations such as AI in regional settings will require robust digital connections. 
Internet connectivity is now integrated into many aspects of productivity – from developing human capital and growing talent regionally to providing the foundations for ecommerce and access to commercial platforms. Educational, health and training services can be delivered via virtual means, overcoming the distance challenges associated with living regionally.
Rural and remote schools would significantly benefit from improved digital connectivity to overcome blackspots and slow internet services. Poor connectivity and education provision can impact on student educational attainment rates and deter enrolment in further study, which impacts on labour force and productivity outcomes.</t>
  </si>
  <si>
    <t>Higher standards for universities</t>
  </si>
  <si>
    <t>Universities are trashing education, reducing weeks in semesters, reducing teaching time, reducing student feedback etc etc - but still paying massive VC and other salaries. They are taking higher education down the sewer and need more active regulation and oversight to maintain basic quality controls.</t>
  </si>
  <si>
    <t>Set minimum standards for all university courses. Some courses are down to only a one hour tutorial for eight weeks or less. The reduction in quality in graduates, who can't do basic tasks once in a job, is trashing the value of all degrees, as well as higher education as a major export.
Semesters should be at least 14 weeks of teaching plus two weeks of break (mid semester and pre exams) and three weeks for exams. 
There should not be a reduction on time to trimesters or degrees to two years - it results in a valueless piece of paper.
Most graduates can't write, can't think critically, have next to no knowledge that would have been considered minimum requirements 25 years ago. This is not just Bachelor degrees, but some Postgrad courses are graduating people who are hopeless, to be blunt.
Government needs to get real with the universities - they cannot continue to self- regulate because it's a race to the bottom - that will hit Australia hard very soon. Why would overseas students want to study here if the reputation of the unis is trashed and their degrees not respected?</t>
  </si>
  <si>
    <t>A joined-up cross-institutional approach to enable achievement of net zero while addressing the climate and biodiversity crises</t>
  </si>
  <si>
    <t>Net zero is a transformative challenge requiring integrated solutions at multiple scales
- Australia’s net zero transition is coming at a confronting time of climate adaptation and biodiversity loss
- Addressing these intertwined challenges will require change
- Net zero will not be achieved through technological solutions alone 
- Ad hoc initiatives and/or a siloed approach to net zero may impact biodiversity, agricultural production, carbon sequestration, cultural values and communities.
- Supporting Australia’s productivity and natural capital will require integrated solutions that enable transformative change 
Current institutional arrangements are not set up to deliver integrated solutions in the timeframes necessary
- Existing arrangements are largely geared towards specific portfolio outcomes, with policies, planning and programs often siloed and potentially working at odds, or at best not leveraging multiple outcomes and efficiencies 
- Current arrangements may not adequately consider the landscape-scale and cumulative impacts of clean energy projects on biodiversity or land use, or changing climate impacts through the increasing risk of extreme events
- Existing arrangements also mean that net zero implementation may not have social licence - this has been observed through the current challenges of the renewable energy sector
A joined-up cross-institutional approach enables development of integrated, lasting solutions with social licence
- A joined-up cross-institutional approach would harness existing knowledge, capability and experience of expert organisations and institutions to help plan, develop and implement integrated place-based solutions
- For example, regional NRM organisations and plans may be an effective mechanism and scale to help inform, plan and/or implement action to support the net zero transition, while maintaining and increasing agricultural productivity, and restoring our environment in collaboration with local communities
- This type of approach could build social licence, embed resilience in communities and landscapes, and foster climate preparedness.
Australia’s Regional Natural Resource Management (NRM) framework and 54 organisations demonstrate an integrated approach for landscape planning and management
- 54 regional NRM organisations cover Australia and collaborate across borders and at the State and national level. 
- They were formed through bi-lateral government agreements early this century in recognition that management of natural resources required an integrated approach at a regional level.
- Regional NRMs undertake participatory integrated regional planning incorporating community values and aspirations. 
- Regional NRM organisations are trusted and independent, embedded within local communities, with expertise in biodiversity conservation, sustainable land management, land restoration, and carbon and environmental markets. Regional NRM staff use their technical knowledge and stakeholder networks to support individual land managers to make informed decisions, contribute to lower emissions, and more productive, nature-rich landscapes. 
- Regional NRMs partner with governments, Traditional Owners, communities, industry, and research organisations from the local to state to national level for the best outcomes.
- Regional NRM organisations are on the Australian Government’s Panel of Regional Delivery Partners for Environmental Protection, Sustainable Agriculture and Natural Resource Management Services. This means they can be quickly drawn upon to deliver government priorities across Australia. A recent example is the development of their Regional Emergency Preparedness and Response Plans for biodiversity and agricultural natural capital assets (2024) to embed awareness and management of these assets in emergency response - something not done previously.
Likely benefits
- A joined-up approach would facilitate the development of integrated solutions that meet the challenge of net zero while halting and reversing the climate and biodiversity crises
- Enhanced social licence for net zero, particularly where there are direct flow-on benefits to local communities and nature- because local communities are embedded in the work of regional NRMs.</t>
  </si>
  <si>
    <t>PC inquiry into opportunities to increase productivity in regional Australia</t>
  </si>
  <si>
    <t>A Productivity Commission inquiry into lifting productivity in regional Australia and growing regional economies. This major inquiry would examine the opportunities and challenges for lifting productivity in regional and remote Australia and make recommendations for Commonwealth, state, territory and local governments. It would set out a broad-based, long term policy reform agenda including recommendations for regional infrastructure provision, workforce development, access to communications infrastructure and digital technology, competitive tax and regulatory settings, trade and investment assistance and support for regional business innovation and R&amp;D.</t>
  </si>
  <si>
    <t>Regional Australia is the source of nearly two-thirds of Australia’s exports and is critically important for growing national income that underpins the living standards of all Australians. Many of Australia’s most globally competitive industries are located in the regions. Thriving regional communities offer considerable work and liveability benefits and are important for diversifying Australia’s population settlement and offsetting the challenges associated with increasing density in Australia’s major cities.  
Many regional and remote communities have traditionally faced productivity challenges due to distance and scale factors and limited access to labour, capital and knowledge inputs to production. These challenges vary considerably across regional and remote Australia. However, recent developments in digital technology are offsetting these challenges by making it easier for regional and remote businesses and communities to access knowledge and skills and participate in global markets. And recent population shifts from cities to the regions for work, lifestyle and housing reasons suggests a ‘regional renaissance’ is currently underway, enabled by technology development. 
The inquiry would explore demographic, economic and technological trends in regional Australia and examine the specific productivity challenges that are faced by regional Australia.  It would recommend a whole-of-economy reform agenda to lift productivity in regional and remote Australia.</t>
  </si>
  <si>
    <t>Stop intergenerational inequality</t>
  </si>
  <si>
    <t>Milenials and younger have no chance at housing etc, unless they have access to intergenerational wealth passed on. This is fundamentally changing Australia - no longer a fair go.</t>
  </si>
  <si>
    <t>Why would ordinary young people work hard when they have no chance to get ahead. This impacts productivity greatly. Australia is no longer a country of the fair go.</t>
  </si>
  <si>
    <t>A population plan for regional Australia</t>
  </si>
  <si>
    <t>More Australians are currently moving from the capital cities to the regions than in the other direction. A regional population plan will articulate scenarios around population distribution in regional cities and towns and put in place long term planning to achieve positive outcomes for productivity, wellbeing, lifestyle and sustainability. Regional settlement modelling can provide indicators for governments at all levels to respond to growth challenges with the required investment in skills and training, infrastructure, housing and community services such as health, childcare and education.</t>
  </si>
  <si>
    <t>The net inflow of Australians to the regions is set to continue and could result in a regional population of 11 million by 2032, lifting Australia’s GDP by $13.8 billion. A long term strategic plan for regional population growth can improve regional productivity through policy settings that support greater capital deepening, skills training and skilled migration. Two key areas of focus for a population plan should be infrastructure planning and workforce development.
Long term infrastructure planning should inform investments in transport, health, communications, water, energy and education infrastructure and housing to cater for the needs of growing regional communities and lift the productive capacity of regional workforces. Infrastructure services can make workers more productive through better digital connectivity, more affordable housing, faster commute times and improved health outcomes. 
Regional workforce outcomes can be improved by using population planning to inform decisions about local workforce development and skilled visa allocations to meet current and future local workforce needs.  Better matching of skilled workers to jobs vacancies will alleviate skills shortages and increase productivity in regional areas and support higher incomes.</t>
  </si>
  <si>
    <t>Unlocking Productivity Through National Geospatial Capability</t>
  </si>
  <si>
    <t>Fully utilising Australia’s geospatial capability, including Geoscape Australia’s expertise, could unlock $689 billion in economic output over the next decade. Initiatives like interoperable geospatial data for governments, centralised address management, and advanced flood analytics would drive smarter policies, improve housing supply and disaster preparedness, and reduce costs. Location intelligence supports critical goals in climate resilience, sustainability, infrastructure, defence, and economic growth.</t>
  </si>
  <si>
    <t>Geospatial information services already contributes $38.6 billion annually to Australia’s economy. According to the Economic Impact of Geospatial Services in Australia report by the Geospatial Council of Australia (2024), fully utilising the nation’s geospatial capability could unlock an additional $689 billion in economic output over the next decade—provided we create a favourable operating environment. 
Geoscape Australia, the government-owned national location intelligence company, is uniquely positioned to play a key role in fostering such an environment. Leveraging its sovereign capability would help realise the transformative gains envisaged by the Geospatial Council of Australia.
Some example initiatives and their likely benefits are described below. 
1. Enabling Interoperable Geospatial Information Services Across Government
Making geospatial data accessible and interoperable to all levels of government would deliver widespread benefits. It would support better decision-making in areas such as:
•	Climate Management: Accurate data for risk assessments and emissions monitoring.
•	Housing Affordability: Smarter land-use planning and more efficient infrastructure development.
•	Critical Infrastructure, Defence and National Security: Enhanced national resilience through data-driven strategies and national data registers.
•	Citizen Services: Streamlined service delivery, reducing duplication and inefficiencies.
By using capability already owned by the Australian government, including that of Geoscape Australia, we can significantly reduce costs associated with procuring and managing these capabilities while driving better outcomes.
2. Advanced Flood Analytics for Resilience and Preparedness
Natural disasters will cost Australia an estimated $1.2 trillion over the next 40 years (Deloitte Access Economics, Special report: Update to the economic costs of natural disasters in Australia (2021)). Geoscape Australia’s recent innovations in flood analytics can help transform climate risk management in areas such as:
•	‘De-averaging’ Flood Zones: More accurate flood categorisations could improve risk analysis for approximately 750,000 homes across Australia, reducing insurance premiums and enabling safer housing supply.
•	Emergency Preparedness: High-quality flood data supports faster decision-making and improved response coordination during crises. 
•	Long-Term Resilience: Proactive planning minimises repair costs and ensures climate-resilient infrastructure.
This capability (and related fire risk data) can protect lives, bolster community resilience, and increase affordability for both housing and insurance.
3. Centralising Address Management for National Efficiency
Australia’s 17-million-record address system is currently managed separately by jurisdictions, leading to duplication, inefficiencies, and expensive legacy systems. Geoscape Australia’s Geocoded National Address File (G-NAF), which already delivers $1.4 billion annually in economic value, is a proven solution that could be expanded to centralise address management. This initiative offers the following benefits:
•	Emergency Services: Faster and more accurate responses, saving lives and resources.
•	Logistics and Delivery: Optimised routing for businesses like Australia Post, reducing operational costs and emissions.
•	Government Efficiency: Streamlined processes and reduced legacy system costs.
Centralised address data management would eliminate duplication, improve efficiency, and unlock additional economic and societal benefits.
The Path Forward: Transforming Productivity with Location Intelligence
Australia’s future productivity depends on integrating location intelligence into government and industry operations. By advancing initiatives such as those described above, we can address urgent national challenges while supporting economic growth and sustainability. 
The Productivity Commission’s review of these types of initiatives would help drive a commitment to leveraging location intelligence for smarter policies, stronger industries, and a sustainable, resilient future for all Australians.</t>
  </si>
  <si>
    <t>Housing is not a wealth creation product</t>
  </si>
  <si>
    <t>Return housing to being essential shelter, not a means to get rich. Get rid of the unfair and inefficient tax avoidance schemes and make it fair for everyone.</t>
  </si>
  <si>
    <t>Capital gains tax should be the same on all investment types - not less on housing because this is inefficient, distortionary, and unproductive. 
Negative gearing should only be for same income source - otherwise it's inefficient, distortionary, and unproductive.
There should not be transition arrangements for older people with existing investments because that is intergenerational warfare. Same rules for everyone and no need for compensation because they've reaped the rewards for long enough.
All other taxes regarding housing and property need review - eg. Stamp duty is a dumb inefficient unproductive tax. 
The Productivity Commission should do a report guided by the fundamental principle that housing is first and foremost essential shelter and make recommendations to make this true. Otherwise, many Australians have no stake in government or democracy or elections and we will end up worse than America on Jan 6th.</t>
  </si>
  <si>
    <t>Health damage from easily avoidable air pollution costs billions in lost productivity &amp; ill-health - let's avoid it!</t>
  </si>
  <si>
    <t>Both outdoor and indoor air pollution have major impacts on productivity and health. Several ideas have been pitched about improving indoor air quality. 
Outdoor air quality is the main determinant of air quality inside our homes. Fine particle pollution (PM2.5) behaves like gases and enters our homes when all doors and windows are shut, just like the air we need to breathe.
Worldwide, the State of Global Air Report 2024 found air pollution is the 2nd highest risk factor for premature death, contributing to about 8 million deaths in 2021 - more than from poor diet and tobacco. The Health Effects Institute explains: "Newborns and children under five years old are especially vulnerable, with health effects that include premature birth, low birth weight, delayed brain development, heart disease, asthma, lung diseases, and childhood cancers."
About half of Australia’s PM2.5 pollution is from wood heating, used as main heating by a tiny proportion of Australians. Cleaning up this avoidable source of pollution would yield major health and productivity benefits.
Full details &amp; references: https://www.dropbox.com/scl/fi/4bimj9b0b50jcmlb9uhfk/Health-damage-from-easily-avoidable-air-pollution-costs-billions.pdf?rlkey=hlg0mqyma199i0d06wk9627up&amp;st=gzxpcoss&amp;dl=0</t>
  </si>
  <si>
    <t>Delays in cleaning up air pollution have profound, detrimental impacts
For example exposure to car exhaust from leaded petrol took a collective 824 million IQ points away from more than 170 million U.S. adults alive today with on average, to a reduction of 2.6 IQ points per person as of 2015.
Current avoidable pollution, e.g. domestic wood heaters, is almost as dangerous. 
Wood smoke contains the same, and even more potent, cancer-causing chemicals than cigarette smoke. In fact, particles in wood smoke were found to cause 12 to 30 times as many tumours in mice and mutations in bacteria as the same amount of cigarette smoke [4]. Consequently, burning 10 kg of wood (an evening's heat) in a modern Australian wood heater results in as many cancer-causing polycyclic aromatic hydrocarbons as in the smoke from more than 400,000 cigarettes [5], resulting in cancers, heart attacks, strokes, dementia, reduced cognitive performance at all ages asthma, genetic damage and behavioural problems in children and poorer achievements and academic performance at school.  
Wood heaters – main heating by &lt; 10% of households – health costs $3.8 billion/year 
Australia-wide, the health cost of premature mortality from pollution from Australian wood heaters (used as main heating by less than 10% of households [6]) was shown to exceed $3.8 billion per year (study published April 2024). In Sydney, wood heaters are used as main heating by less than 5% of households. Yet a NSW Government study of life years lost from air pollution in the Sydney Metropolitan area reported health costs exceeding $2 billion every year from wood heaters - 42% of the $4.8 billion cost of all sources of pollution, representing thousands of dollars per year for every wood heater in use.  
We now have clean, convenient, healthy environmentally-friendly alternatives 
These include heat pumps (reverse cycle air conditioners) with much lower running costs than buying firewood
Immediate action is therefore warranted, noting the significant health costs amounting to thousands of dollars per year for every wood heater in use, including brand new wood heaters [8], and the fact that "Newborns and children under five years old are especially vulnerable, with health effects that include premature birth, low birth weight, delayed brain development, heart disease, asthma, lung diseases, and childhood cancers."  As well as increased risk of heart and lung diseases, strokes, dementia, asthma attacks [9], research in the USA showed that women using a wood heater for more than 30 days per year had a 68% increased risk of developing lung cancer [10] as well as increased risk of breast cancer [11].
Health experts’ recommendations &amp; action elsewhere
In the UK, the Royal College of Paediatrics and Child Health, the Royal College of Nursing, the British Medical Association, and the UK Kidney Association, the UK Health Alliance on Climate Change (UKHACC) developed the Lancet Countdown UK policy brief. Second top priority is to "Mandate a new Clean Air Act to legislate clean air as a human right and meet the WHO-recommended limits of air pollutants by 2030. In addition, the UK should develop a framework to implement a just transition away from wood burning to clean fuels in urban and rural areas."  Action for Clean Air, UK, has developed a policy pathway to phase out domestic buring by 2030 [12]. 
In the Netherlands, Utrect has decided to phase out wood heating by 2030 [13].  In Australia, the installation of wood heaters is not permitted in Waverley, (Sydney), Dunlop (ACT) and several other areas.  In response to a report by Dr Sophie Lewis, Commissioner for Sustainability and the Environment [14], the ACT Government has also agreed to phase out the use of wood heaters. Moreover, recent 'Right to a Healthy Environment' legislation could be used to protect ACT residents from unhealthy levels of pollution emitted by a neighbouring wood heater.  
Suffering caused by current inaction 
A nationally-representative survey commissioned by Asthma Australia found three-quarters (77%) agreed that woodfire heaters should not be allowed in urban or built-up areas [15] and that Australians exposed to other people's wood heater pollution were largely unable to protect themselves from other people's wood heater smoke. The results can be tragic, e.g. a Canberra resident who was unable to protect himself from wood heater pollution in his neighbourhood was featured in November 2024 in the UK Air Quality News Magazine [16]. In the end, 66-year-old David gave up and decided to sell his home of many years. Before he and his family could escape to a cleaner neighbourhood, David was rushed to hospital where he died.
Simple low-cost initiatives to help solve the problem
The main barrier to clean, healthy air in Australia (and the UK, as explained in the Action for Clean Air's policy pathway to phase out domestic buring by 2030) [12] is a lack of public awareness of the health damage caused by wood heater pollution, exacerbated by the fact that there is no health-based standard for wood heaters [17], that the average new wood heater pollutes an area 350 x 350 x 10 metres to the World Health Organisation annual limit in less than an hour [18], that also and in toxicity testing, particles in wood smoke were found to cause 12 to 30 times as many tumours in mice and mutations in bacteria as the same amount of cigarette smoke [4] so that buring 10 kg of wood (an evening's heat) in a modern wood heater results in as many cancer-causing polycyclic aromatic hydrocarbons as in the smoke from more than 400,000 cigarettes [5]. 
All the information provided above is from reliable sources and is easily verified.  It would be a simple and uncontroversial matter to require all local councils to provide the information above to all residents wishing to install a new wood heater and provide the same information to owners of nearby properties whose residents are likely to be affected by the smoke. Most people will not want to use a product that affects children's health, including "premature birth, low birth weight, delayed brain development, heart disease, asthma, lung diseases, and childhood cancers" as well as increasing the risk of heart and lung diseases, strokes, dementia, asthma attacks [9].
Subsidies for replacing wood heaters with less polluting, more climate-friendly heating should also be considered, as well as phasing out existing wood heaters, for example by allowing councils to levy additional rates on households with wood heaters to cover the costs of managing their pollution, and, requiring healthy, environmentally heating to be installed for new owners when houses are sold.</t>
  </si>
  <si>
    <t>Conduct a comprehensive Productivity Commission review of the private health system to identify opportunities to improve efficiencies and reduce price inflation</t>
  </si>
  <si>
    <t>A key community benefit of private health insurance is reducing pressure on the public hospital system. The sustainability of the private health system necessitates practical policy reforms that address the inefficiencies and market failures that add unnecessary costs and result in low take up of private health insurance.</t>
  </si>
  <si>
    <t>Private Health Insurance (PHI) contributes $61 billion annually to Australia’s economic activity (i). This equates to 3.11 per cent of our GDP and contributes to economic productivity by helping people to access health care interventions that assist them to remain healthy. 
PHI and the private health care sector more generally reduces demand on the increasingly under-pressure public health system so its limited resources can be directed to caring for those most in need. 
However, the private health system is currently exhibiting challenges in regards to affordability and sustainability, which will likely worsen due to future demographic changes.
Older people make up a higher proportion of PHI holders with the number of Australians aged 65 and above expected to double by 2057 (ii). As the population ages and older people increasingly make up the health insurance pool, this has implications for the sustainability of the PHI system and affordability of premiums and out-of-pocket costs for consumers.
Any increase in the cost of private insurance and out-of-pocket health costs have the potential to exacerbate Australians exiting the private health system and moving to the public system, increasing the cost to the government. 
A recent survey of 6,500 older people conducted by the National Seniors Australia (NSA) found that private health insurance was the second most important concern behind the cost of living (iii). NSA research also found that some older people are reducing their spending on other areas to try to hold onto PHI with others exiting PHI over concerns about affordability and value for money. 
Our research found that seniors value PHI because it provides for timely treatment and avoids long wait times for health care interventions in the public health system. These delays can reduce longer-term health and wellbeing.
If affordability continues to worsen, it risks the sustainability of the system. For example, a 10% drop in PHI coverage of the total population would mean 1.5 million additional people becoming fully dependent on the public hospital system (iv). This would negatively impact the health outcomes of individuals as waiting lists would increase by over 90%. Additionally, government budgets would be put under pressure from the need to fund an extra 3,600 hospital beds, equivalent to Australia’s four largest hospitals.
Unfortunately, there has not been a comprehensive review of the private health system for many years to understand objectively what is driving rapid growth in prices and premiums. As such, it is difficult to make recommendations for reform. There is a clear lack of transparency in the private health care system that only an in-depth review can address. 
The private health insurance system delivers tangible benefits for all Australians by taking the pressure off the public system, providing greater consumer choice and encouraging greater consumer contributions to health care. An in-depth inquiry focusing on improving the efficiency, affordability, sustainability, and health outcomes of PHI would reduce the risk posed from a rapid expansion in demand on the public health system if Australians increasingly found PHI and private health interventions unaffordable. 
NSA recommends the Productivity Commission conduct an extensive review of the private health system. The review should have a specific focus on the:
•	increase of private health insurance premiums and out-of-pocket expenses for consumers,
•	value and scope of product offerings covered by private health insurance,
•	effectiveness of consumer-focused reforms, including the Gold, Silver, Bronze, Basic classification system,
•	reforms needed to minimise premiums and out-of-pocket costs, and most importantly,
•	reforms needed to suppress price inflation in the private health care sector.
The cost of conducting a review is relatively modest. In 2022-23, the Productivity Commission completed seven inquiries and other government commissioned projects (v). The cost of these inquiries and projects ranged from $1.3m to $5.3m. As the NSA recommends a full and comprehensive inquiry into what is a complex system, the cost would likely be towards the upper end of previous inquiry costs. This would be a small cost relative to potential savings and efficiencies arising from any recommendations emerging from the review.
References:
i.	https://www.pc.gov.au/__data/assets/pdf_file/0020/339221/sub069-productivity.pdf
ii.	https://www.aihw.gov.au/reports/australias-welfare/australias-welfare-2017-in-brief/contents/ageing-aged-care
iii.	https://nationalseniors.com.au/uploads/NSA-PHI-2024-report-newFINAL.pdf
iv.	https://www.ama.com.au/sites/default/files/2023-02/Hospital%20exit%20block%20-%20a%20symptom%20of%20a%20sick%20health%20system_Final.pdf
v.	https://www.pc.gov.au/about/annual-report/2022-23</t>
  </si>
  <si>
    <t>Make income tax genuinely progressive</t>
  </si>
  <si>
    <t>Tax shouldn't be something only working class people pay. The current settings need to be fixed to get rid of the political pork barreling that has distorted who pays what.</t>
  </si>
  <si>
    <t>There is too much reliance on income tax to fund government. We need fair dinkum tax reform. Multi nationals, Aussie corporates, and tax avoiders need to pay their fair share.
That might take a while. In the meantime, remodel the tax rates and thresholds to return it to a genuinely progressive system even if it collects the same revenue for now. Make the highest marginal rate 49% (or more) at a threshold well above current highest of $180,000, eg. $225,000; make the tax free threshold much higher eg. $35,000 (to be fairer for the working poor), and then distribute rates and thresholds evenly to achieve the same revenue. Adjust those suggestions to make it work but the essential principle is that income tax is genuinely progressive not distorted.
Over the medium term reduce the reliance on income tax.</t>
  </si>
  <si>
    <t>More efficient support pathways from hospital to aged care</t>
  </si>
  <si>
    <t>As people age they are at increased risk of hospitalisation, related to the process of ageing (i). This group needs hospital care, but many are being stranded in hospital because of inefficiencies in the pathways out of hospital. By improving and increasing the support and information people receive in the hospital setting they can more promptly receive care and support outside hospital, including in their home. This has health and wellbeing benefits for these individuals along with improvements to health system capacity and government budgets.</t>
  </si>
  <si>
    <t>In 2020–21, 286,050 patient days were attributed to patients waiting for a place in a residential aged care facility nationally (ii). This was estimated to have cost the health system up to $847.6 million in 2020/21. The number of patient days does not include the number of people waiting for an appropriate home care package. 
These unnecessarily prolonged hospital stays can be detrimental to patients (iii). Unnecessary hospital care is also expensive; the federal government estimates the daily cost of an unnecessarily filled hospital bed at $2,500 (iv).
There are a number of aged care services that exist as options for transition from hospital. These include:
•	Transition Care Programme (TCP)
•	Short-Term Restorative Care (STRC)
•	Respite care
•	Commonwealth Home Support Programme (CHSP)
•	Home Care Package (HCP) program
•	Residential aged care
Each of these are more cost-effective and more suitable as alternatives for stranded patients.
•	The funding of a residential aged care bed involves both federal government and resident contributions and is highly dependent on the level of care required, but as an indicative figure, provider revenue per resident per day is currently $422.58 (v). While this may not fully capture the cost of residential aged care, in part due to the use of Refundable Accommodation Deposits (RADs), which have recently been increased from a maximum of $550,000 to $750,000 (vi), it indicates there is a significant difference in the cost of having a person in a hospital setting versus a residential aged care setting.
•	HCP (soon to be replaced by the new Support at Home program) has four different funding levels, ranging from approximately $29 to $170 a day (vii). This is before the recipient contribution of up to $37.55 a day. Again, much less than the cost of a stranded patient in a hospital setting.
•	The TCP and STRC  programmes exist specifically to support older people in situations, such as a hospital admission. As of 1 January 2025, the subsidy for Transition Care is $255.47 per day and for Short-Term Restorative Care $253.82 per day (viii).
More efficiently moving people to appropriate care can benefit all parties. Aside from the health and welfare benefits to older people, there are also potentially significant financial savings that can be realised from appropriately transferring people to the level of care most suitable to their needs.
A recent report from OPAN indicates there can be a preference within the hospital system to transfer people to residential aged care (ix). However, many people prefer to stay in their own homes and there is a range of supports available to assist with this preference (x).
As the Australian Institute of Health and Welfare (AIHW) has said, supported by separate research, transitional care can be effective in helping people regain functional independence and remain in the community (xi). This indicates that residential aged care as an exit service from hospital should be reserved for those only with higher needs.
Instead, seniors in hospital should receive comprehensive support to understand and choose the most appropriate care option from them.
The various aged care and support programs are varied and complicated, often involving differing applications, assessments, means testing, and co-contributions. This can be difficult for people in hospital to navigate quickly to make informed decisions. While the new Support at Home program will include streamlined assessment processes, there is an ongoing navigation issue that is undermining transition to alternative care settings.
The AMA has called for an expansion of the number of staff providing support to people who can leave hospital. While capacity to provide support is one aspect to improve efficiency of the care system, further improvements can be made up uplifting the skills and knowledge of these staff through a dedicated training program.
The federal, state, and territory governments need to collaborate to refine the current arrangements for transitioning people out of inpatient wards into appropriate care. 
By expanding the availability and quality of existing supports available to people in hospital through resourcing of uplifting capacity and skills of hospital staff responsible for assisting transition from hospital, seniors can be more efficiently allocated to the most appropriate care setting. This could result in more appropriate care for those leaving hospital, improved hospital capacity, and budgetary savings at the state and federal levels.
There are three core aspects to this expansion:
•	Funding: to provide the requisite resources, primarily in terms of staff numbers.
•	Training: to uplift knowledge of liaison officers so they have a thorough understanding of both the health and aged care systems.
•	Information: providing detailed information about the capacity of aged care services in their local area.
•	Service capacity: an expansion of Home Care Packages (HCP), Commonwealth Home Support Programme (CHSP) services, Transition Care Programme (TCP) and Short-Term Restorative Care (STRC) and residential aged care is needed to ensure rapid transition from hospital
Given the OPAN report, there may be some efficiencies from people being supported in their homes rather than being directed into residential care, savings from reduced hospital bed-day demand should be redirected into funding home and residential based care.
Due to the differing federal-state responsibilities, this would involve a degree of governmental cooperation. To incentivise participation, there should be a federal-state agreement or other mechanism to share the financial benefits of this program. We note that joint funding is already in place for transition care, according to the AIHW (xii).
As an initial step, there should be the development of a comprehensive strategy for a training program aimed at establishing a designated authority focused on hospital transition. This will be crucial in providing support so that individuals are empowered to navigate both state and commonwealth systems, ultimately facilitating a smoother transition for older people as they return home. By fostering collaboration and providing the necessary tools, we can create a supportive environment that enhances the well-being of our older population.
References:
I.	https://www.aihw.gov.au/reports/aged-care/older-australians-in-hospital/summary
II.	https://www.ama.com.au/sites/default/files/2023-02/Hospital exit block - a symptom of a sick health system_Final.pdf
III.	https://www.aihw.gov.au/getmedia/cebcffb3-7b71-4efb-81b1-22682e1e1fea/aihw-age-117.pdf
IV.	https://ministers.dss.gov.au/media-releases/17266
V.	https://www.health.gov.au/sites/default/files/2024-11/quarterly-financial-snapshot-of-the-aged-care-sector-quarter-4-2023-24-april-to-june-2024.pdf
VI.	https://www.ihacpa.gov.au/aged-care/refundable-accommodation-deposits-rads/about-rad-approvals
VII.	https://www.myagedcare.gov.au/help-at-home/home-care-packages
VIII.	https://www.health.gov.au/resources/publications/schedule-of-subsidies-and-supplements-for-aged-care
IX.	https://s3.ap-southeast-2.amazonaws.com/cdn-production.opan.org.au/uploads/2024/11/OPAN_Presenting_Issues_Report_112024_web.pdf</t>
  </si>
  <si>
    <t>Better indoor air quality increases productivity and well being.</t>
  </si>
  <si>
    <t>Indoor air quality (IAQ) impacts people’s health, comfort, well-being, learning outcomes and work performance (American Society of Heating, Refrigerating and Air-Conditioning Engineers). The setting of and implementation of national indoor air quality standards to improve indoor air quality in public and private buildings, will improve productivity and reduce absenteeism due to illness.</t>
  </si>
  <si>
    <t>Poor Indoor air quality (IAQ), especially in terms of inadequate ventilation, can result in lower productivity and increased absenteeism in office settings. A Harvard research study (Allen at al, 2016, https://dash.harvard.edu/bitstream/handle/1/27662232/4892924.pdf?sequence=1) showed that poor indoor air quality in buildings can increase drowsiness and substantially impair cognitive function of workers.  
Research also shows the effectiveness of ventilation in reducing transmission of airborne viruses (such as flu, RSV and covid-19). A recent report from the Chief Scientist of Australia (https://www.chiefscientist.gov.au/news-and-media/indoor-air-quality-impact-viral-transmission),  highlights the importance of indoor air quality on viral transmission.
Business and customers bear the cost of absenteeism of workers due to illness or from caring for family members. Prior to the 2020, the absenteeism rate in Australia averaged 3.3% per month. During 2022, the absenteeism rate rose abnormally high to 5.8% at its peak ( ABS Labour Force Australia), likely reflecting a higher illness burden as covid-19 mitigations were removed. It is estimated that absenteeism cost Australian businesses $24.2 billion in lost productivity in 2022. (https://cfomagazine.com.au/the-true-cost-of-absenteeism-why-cfos-need-to-play-a-role-in-employee-health-and-wellbeing/). Absenteeism not only negatively affects productivity but also in less measurable ways such as reduced customer service and satisfaction and lost revenue.
Improving air quality in schools has also been shown to lead to improved academic performance, lower student absence, higher scores on cognitive function tests. Improved IAQ also benefits teachers including increased teacher productivity, retention and improved morale ( The Lancet Covid-19 commission task force on safe work, safe school, and safe travel, for a summary).  
Ventilation plays a crucial role in influencing indoor air quality (IAQ) by ensuring that fresh air circulates within indoor spaces. The effectiveness of ventilation can significantly impact the concentration of indoor contaminants and overall air quality. As per the report from the Chief Scientist of Australia,  indoor air quality can be improved through dilution of contaminated indoor air via ventilation with cleaner air through natural and  mechanical ventilation and other technologies such as ultraviolet-c light disinfection and air purification.
The setting of and implementation of national indoor air quality standards to improve indoor air quality in public and private buildings will improve productivity and reduce absenteeism due to illness.</t>
  </si>
  <si>
    <t>Better use of housing stock</t>
  </si>
  <si>
    <t>It's absurd that tourists are in family homes via Airbnb etc while homeless families are stuck in single motel rooms. We need to put the tourists in hotels/ motels and families in family homes - the way it used to be.</t>
  </si>
  <si>
    <t>Australia needs to review how it uses its housing stock and make sure it's done efficiently. Building heaps of new houses when there is so much under utilisation and inappropriate utilisation (Airbnb) is economically inefficient, bad for the environment, and taking up prime food growing land. 
Regarding owners choice, so much value comes from taxpayer funded infrastructure etc that it is fair to put reasonable conditions on how housing is used. If the same house is put out in the desert it looses most of its value. It gains most of its value from being on a public road, connected to public infrastructure like sewerage, water, electricity, gas etc, and in close proximity to public amenities like public transport, hospitals, schools etc. Therefore, the public should be able to have some basic say in how housing is used.
Plus, Airbnbs should have to meet the same standards and regulations as hotels etc, as well as pay the same insurance. Level the playing field.</t>
  </si>
  <si>
    <t>Reinvigorate the transition to fully accessible public transport</t>
  </si>
  <si>
    <t>Accessible transport provides a gateway into all aspects of an ordinary life in community, be it accessing employment, education, health services, shops, recreation facilities, and much more. Therefore, it is extremely disappointing that Australia failed to achieve its 20-year targets on delivering accessible public transport that expired in 2022, despite the two-decade-long transition period being an adequate timeframe in which to do so. Investment in accessible transport is now long overdue.</t>
  </si>
  <si>
    <t>When the Disability Standards for Accessible Public Transport 2002 (Transport Standards) were introduced in 2002, they were supposed to ensure that all public transport networks and associated infrastructure, except for the trains and trams, would be fully accessible by the end of 2022 (train and tram conveyances have until 2032 to comply). The widespread failures to achieve the outcomes is extremely regrettable. 
This disappointment is compounded by the continuing lax approach to reviewing and updating the Transport Standards with new deadlines, as well as credible reporting and accountability mechanisms to ensure outcomes are delivered. The new Transport Standards are now long overdue, and this delay is detrimental to achieving change. Governments and operators need to invest resources to reinvigorate the transition, involve people with disability in the co-design of an outcomes framework, and establish an independent monitoring and reporting capability, for example through the Australian Human Rights Commission (AHRC) or a future National Disability Commission that was proposed by the DRC. The outcomes framework should ensure all parties with obligations to meet accessibility requirements are independently and transparently evaluated on their progress at least once every three years.</t>
  </si>
  <si>
    <t>Deliver the commitments in Australia’s Disability Strategy 2021-2031 in full and on time</t>
  </si>
  <si>
    <t>Australia’s Disability Strategy 2021-2031 sets out commitments to create a more inclusive Australia. However, as occurred in relation to the first Strategy from 2010 to 2020, a lack of funding to implement the actions and achieve progress toward the outcomes are hindering impact. Significant investment is required to ensure good intentions become genuine results because making Australia fully inclusive and accessible will also make our nation more productive and prosperous.</t>
  </si>
  <si>
    <t>Australia’s Disability Strategy 2021-2031 sets out how our nation will begin to close the gap in outcomes for people with disability. But almost halfway through the term of the Strategy, fears are growing that results will again fall well short of the promises. All tiers of government need to reinvigorate their commitment to the Strategy and invest in the promised changes.
The Strategy covers the seven outcome areas of employment and financial security; inclusive homes and communities; safety, rights and justice; personal and community support; education and learning; health and wellbeing; and community attitudes. It is accompanied by Targeted Actions Plans, Associated Plans, and an Outcomes Framework that provide a very solid basis to achieve change. Many years of work have been invested in developing all these documents, therefore it will not only be another wasted opportunity if significant change does not materialise, but a waste of the time and effort invested in mapping out such a Strategy.  
Governments should partner with the disability community to reinvigorate the promised outcomes as a matter of urgent priority. The full inclusion of Australians with disability in the economic, social, cultural, and community life of our nation is essential for future prosperity.</t>
  </si>
  <si>
    <t>Develop a co-designed transition plan to end the segregation and exclusion of Australians with disability</t>
  </si>
  <si>
    <t>There are about 5.5 million Australians with disability who continue to face widespread barriers of inaccessibility and exclusion. Despite some progress toward deinstitutionalisation, many people with disability continue to be segregated in housing, employment, and education. There is enormous untapped potential for individual, community, and economic productivity and prosperity if Australian governments commit to delivering a co-designed transition plan to end segregation and exclusion.</t>
  </si>
  <si>
    <t>In its Final Report, the Disability Royal Commission shone a spotlight on the ongoing segregation and exclusion of Australians with disability across our society, including in the critical areas of housing, education, and employment – all of which have a profound impact on a person’s overall wellbeing and quality of life, as well as on national productivity and prosperity. Significantly, the Commissioners with lived experience of disability underscored the consequences of segregation, exclusion, and discrimination, and the opportunities and benefits for all Australians that will result from fully including people with disability in our communities, schools, and workplaces. This stance is consistent with Australia’s international obligations under the United Nations Convention of the Rights of Persons with Disabilities (UNCRPD). All governments should take a strong position against disingenuous claims, particularly those of provider sector lobbyists, that segregated options can constitute ‘choice’. ‘Choices’ made in a context where safe, high-quality, and inclusive alternatives are not available are not genuine choices. The challenge for Australia is to reject outdated attitudes that people with disability need expensive, separate, ‘special’ things and instead invest in genuine inclusive alternatives that meet the needs of everyone in our communities and allow all citizens to prosper. 
Ending segregation cannot happen overnight – many mainstream settings are simply not yet equipped to enable this to happen effectively. Change will require a significant investment of resources and effort in co-designing comprehensive transition plans that maximise outcomes while avoiding adverse consequences. The transition must not be rushed before mainstream settings are fully accessible and enabled to provide necessary supports, however it must also be recognised that establishing clear timeframes for each transition stage and a final deadline is essential to ensure change actually occurs. Upfront investment in change now will deliver economic, productivity, and prosperity outcomes that pay dividends in the long term. 
Governments should fund and provide a clear pathway for the creation of co-designed comprehensive national transition plans to end the segregation of people with disability in housing, education, and employment including clear timebound transition stages. They should endorse a final deadline to ensure segregated settings and practices are eliminated nationally within the term of Australia’s Disability Strategy 2021-2031. The first stage of the transition plan should specifically preclude any funding for new segregated provisions in housing, education, and employment, including, but not limited to, new group houses (including via individual NDIS budgets), ‘special’ schools and programs, and supported employment options, such as Australian Disability Enterprises (ADEs). All public money should be invested in authentically inclusive infrastructure, services, and programs that provide the foundations for these transition plans to succeed.</t>
  </si>
  <si>
    <t>Build accessible housing</t>
  </si>
  <si>
    <t>The challenges so many Australians are currently facing in finding an affordable place to live are made even worse for those with access needs. With Australia’s ageing population, it has never been more important to ensure we are building homes that will meet the needs of the future without expensive retrofitting. Therefore, all new housing and substantial renovations should be built to be accessible and highly adaptive to individual needs.</t>
  </si>
  <si>
    <t>Australia urgently needs more accessible housing. It is essential the housing market and social housing options cater to the needs of all Australians without discrimination, including those with disability, older people, people using prams for young children, and the many others in the community who would benefit from greater accessibility. Good quality accessible housing should meet residents’ current requirements, taking into account the possibilities of a short-term injury or other mobility restriction, as well as being easily adaptable to their changing needs into the future. The problems of affordability and housing security are significantly worse for those requiring accessible housing due to the even more severe supply shortage of such dwellings.
Our population is rapidly ageing, with many Australians increasingly looking for housing options that allow them to ‘age in place’ and remain connected to their local communities. Institutional settings like nursing homes no longer meet the expectations of most Australians for their retirement and older years. ABS data indicates the portion of Australians aged 65 and older in 2020 was about 12 per cent.  By 2066, the ABS predicts that figure will be almost a quarter of Australia’s population, including about 4.4 per cent likely to be aged over 85.
Many people with disability are currently residing in unsuitable accommodation that they cannot move around in, or are stuck in hospital, residential aged care, or a group house, with no foreseeable solutions to improve their circumstances. Often, Australians with disability have to make do with what they can get even if it is inaccessible in full or in part. Anecdotally, some people with physical disability must crawl into their bathrooms or complete personal care routines in kitchens. Others are forced into shared living arrangements with strangers in disability group houses. Getting by in unsuitable inaccessible housing has significant impacts on the lives of people with access needs. The 2020 study ‘Lived experience and social, health and economic impacts of accessible housing’, conducted by the University of Melbourne’s Dr Ilan Wiesel, highlighted the broad range of consequences of inaccessible housing. Almost one third of respondents to the study’s questionnaire indicated it had led to the loss of a job, a missed work opportunity, reduced work hours, or reduced productivity, while more than 80 per cent agreed or strongly agreed they cannot visit family or friends’ homes due to inaccessibility.
Houses built today should continue to be in use in 60 to 80 years’ time. To avoid expensive knock-down and rebuilds, they must be designed and built to be fit-for-purpose and durable. The recent changes to the National Construction Code (NCC) 2022 Livable Housing Design Standard are an important first step toward addressing the need for more accessible housing but we need to go further than the current level of commitment to implementation. A nationally consistent approach to full implementation would greatly assist the residential housing sector and its supply chains to transition, resulting in cost efficiencies. Federal leadership in adopting the Standard through strict conditions attached to all Federal Government funding is extremely important not just to increase the supply of accessible dwellings, but to send a clear signal about the future direction of demand in the housing construction market.
Without suitable housing, it is extremely difficult for a person to actively participate in the social, cultural, and economic life of their community. Accessible, affordable, available housing should be a top priority in the development of policies to support Australia’s productivity and prosperity now and into the future. Accurate data collection about the accessibility and occupancy of dwellings across the country would also support policymaking for more accessible housing.</t>
  </si>
  <si>
    <t>Update Disability Support Pension (DSP) work rules and increase the rate to meet rising costs of living</t>
  </si>
  <si>
    <t>The rules and requirements of the Disability Support Pension (DSP) are currently too complicated and not well understood. This creates significant disincentives to doing any amount of paid employment, which undermines national productivity and prosperity. Additionally, the current rates of the DSP, Jobseeker, and other income support payments force people to live in poverty. They should be increased so people can afford life’s necessities.</t>
  </si>
  <si>
    <t>The process to apply for the DSP is so lengthy and taxing that many recipients regard gaining access as akin to achieving the ‘holy grail’ and fear losing it if they do any work or attempt to re-enter ongoing employment. The rates of transition from DSP to employment are currently extremely low. Given current workforce shortages and the steps taken to allow people receiving the Age Pension to work more hours without penalty, thereby boosting the national labour force, it is an opportune time to make equivalent provision for recipients of the DSP. This would help to mobilise underutilised workers, increase productivity, and lift the national workforce participation rate. Doing so would also have the added benefit of testing how incentives and disincentives impact on the employment outcomes of recipients in order to inform future long-term changes to DSP rules.  
Rules for receiving DSP payments should be changed to remove the disincentives for people with disability to work, particularly by:
•	increasing the income thresholds so people can earn more from employment without impacting their DSP payments; and
•	increasing the period that a person can pause their DSP payments, but remain eligible to restart, and make sure that this rule is promoted and understood by people on the DSP, many of whom fear the loss of future access to payments if they work.
Additionally, forcing people to live in poverty has significant flow on effects for costs in other government service areas, as well as across society more broadly. As evidence presented to the Parliamentary Inquiry into the Nature and Extent of Poverty in Australia (report published February 2024) demonstrated, poverty can have far-reaching impacts on health, wellbeing, housing, education, employment, and social connectedness. Further, a person with disability faces significantly higher costs compared to non-disabled people, with research by the National Centre for Social and Economic Modelling (NATSEM) in 2019 indicating a household including a person aged 16 and over with disability requires an additional $107 per week to obtain the same standard of living as similar households without a person with disability.
Finally, many people with disability are currently receiving the lower rate of Jobseeker despite being assessed as having only a partial capacity to work. There is also an urgent need to raise the rate of Jobseeker payments to ensure people can afford the basics of life and are enabled to participate in the economy and/or seek suitable employment, which will boost economic activity and prosperity. 
The rates of the DSP, Jobseeker, and other income support payments should be increased to reflect the genuine costs of living in Australia in 2025. The way these payments are indexed each year should also be reviewed to ensure they genuinely keep pace with inflation in the things recipients need to pay for, including rent, and not things they do not buy.</t>
  </si>
  <si>
    <t>Better quality data needed about the experiences of Australians with disability</t>
  </si>
  <si>
    <t>Australia needs to collect better and more frequent data about people with disability and their experiences to guide policymaking. This is crucial to underpin the design and implementation of policies and programs to address the full range of areas in which outcomes for this group of Australians fall well short of those for non-disabled people. Closing these gaps will have great enduring benefits for people with disability and for the nation.</t>
  </si>
  <si>
    <t>According to the most recent Survey of Disability, Ageing, and Carers (SDAC) data about the prevalence of disability in Australia from 2022, 5.5 million Australians – or 21.4 per cent of the population – live with disability. This represents a significant portion of the overall population of the country, and we should know more about the context of their lives and how they track over time through comprehensive regular data collection. As a signatory to the UNCRPD, Australia has an international obligation to protect the rights and dignity of people with disability and to address the discrimination, exclusion, and disadvantage that continues to be experienced. 
The ABS currently collects data about people with disability in three ways: the Census, the SDAC, and a range of topic orientated surveys that include the Short Disability Module. Data from the SDAC is regarded as the best information available about the prevalence of disability and several important topics. However, this survey is conducted too infrequently to accurately track a variety of outcomes including employment, education, and housing. We understand the current gap between funded SDACs is six years – with the most recent survey conducted in 2022 and the next survey scheduled for 2028. This gap needs to be reduced. Additionally, we are concerned about the ABS’ use of outdated and inappropriate terminology. A significant project to update the ABS’ approach to data collection about people with disability will ensure that policies and programs are fit for purpose, ensuring Australia maximises the prosperity of individuals, families, and communities. 
All tiers of government in Australia have committed to improving outcomes for Australians with disability through Australia’s Disability Strategy 2021-2031. The importance of independent robust data collection to monitor and report outcomes cannot be overstated and the ABS is the agency best placed to achieve this. The significance of this is underscored by the Strategy’s ‘Outcomes Framework’ that indicates the measurement of many outcomes relies on ABS data. In fact, progress in 17 measures across employment and financial security; education and learning; health and wellbeing; inclusive homes and communities; safety, rights, and justice; and personal and community support will be monitored through the SDAC. Several other infrequent ABS surveys are also cited as sources of data under the Framework, including the Personal Safety Survey (PSS), last conducted in 2016; the Survey of Income and Housing (SIH), with the most recent data from the 2019-20 financial year; and the National Health Survey (NHS), with the most recent data referring to the 2020-21 reference period. It is critical that the frequency of the data collection to monitor the outcomes under the Strategy is increased. 
The National Disability Data Asset (NDDA) will be an important source of information in the future, however data from government systems has limitations. Often the data is not and cannot be linked to other variables or outcomes in the same way that survey data can be filtered and disaggregated by population group. There can also be conflicts of interest at play or a deterrence to providing personal information to government policy implementation agencies. For example, NDIS participants have told us of their concerns about providing survey responses to the NDIA, which determines what is funded in their plans and their budget allocations. Further, government departments are not usually responsible for measuring outcomes for the general population in the areas in which they implement policy. Best practice is for dedicated independent robust data collection to measure outcomes. The same approach should apply to the measurement of outcomes for Australians with disability, with regular independent ABS data available to complement and supplement the NDDA.</t>
  </si>
  <si>
    <t>Transition the supported employment system and Australian Disability Enterprises (ADEs) to a sustainable, inclusive, mainstream employment model</t>
  </si>
  <si>
    <t>Ending supported employment approaches, transitioning ADEs to sustainable business models, and maximising inclusion and diversity in the workforce will boost productivity and prosperity. The current system is underpinned by an outdated deficits approach and entrenched low expectations of people with disability. It does not exist due to failures of people with disability, but rather failures of Australia’s education, training, and employment systems to recognise the value these workers offer.</t>
  </si>
  <si>
    <t>The Productivity Commission’s 2011 report on disability care and support, which helped pave the way for the NDIS, argued ‘passivity and low expectations should not be the default’ for people with disability. The default expectation should be that all people of working age can fully participate in the mainstream Award waged employment market with sufficient supports to identify appropriate opportunities based on skills, interests, and goals, and to sustain a suitable job once it is obtained. This default expectation would focus on strengths and skills that can be harnessed for productive employment and increased individual life chances. Examples of people with disability in positions of leadership must be highlighted to demonstrate what is possible.
There are about 160 ADEs in Australia employing more than 16,000 people with disability. ADEs pay wages that are substantially below the so-called minimum wage, something that is made legal through the Supported Employment Services Award. ADEs are incentivised to hold on to their most productive workers rather than enable their advancement into mainstream employment because this productivity ensures the ADE can fulfill its commercial commitments to customers. ADEs typically congregate workers with disability and are a segregated workplace contrary to Australia’s obligations under the UNCRPD and commitment to inclusion in Australia’s Disability Strategy 2021-2031. This approach is also unnecessary because there are training arrangements in existing mainstream awards that provide authentic employment pathways whereby a person earns an appropriate training wage for a fixed period before progressing. 
Governments should take urgent steps to co-design a comprehensive funded transition plan to end the Supported Wage System and the Supported Employment Services Award in Australia. This does not mean closing ADEs down overnight; it means establishing a clear pathway to transition ADEs to a new sustainable business model that ends segregation and ensures that all Australians are protected by the existing mainstream minimum employment standards that apply to all other workers. We appreciate this change will require sufficient time and appropriate government support. However, Australia should begin to transition away from this outdated and exploitative model immediately. ADEs must be given the impetus to act and to make the necessary investments to ensure the transition occurs as seamlessly and successfully as possible.
Australia is not the only jurisdiction needing to end segregated exploitative disability employment approaches. There is a global trend to transition away from these approaches with many lessons that Australia can learn about how to approach (and how not to approach) this from the experiences in other places undergoing similar transitions. For example, many states in the United States have already started, or, in the case of Vermont, completed this transition. In September 2020, the US Commission on Civil Rights released an extensive report entitled 'Subminimum Wages: Impacts on the Civil Rights of People with Disabilities' and this is but one of the international examples that can inform Australia’s plan. 
People with disability should have the same opportunities to choose their career path based on their individual skills, interests, and goals as all other workers; as well as to progress through roles as they gain experience and expertise. Too often we hear stories of people with disability being placed in any available job, often below their qualifications and experience. While many workers have filled gaps in their career trajectories with whatever job was available at a moment in time before moving on to something that was a better fit, this is not how their long-term career vision is formulated. There must be a greater focus on skills, not deficits, if we are to fully leverage the potential productivity contributions of Australians with disability.</t>
  </si>
  <si>
    <t>Make an inclusion module mandatory in all tertiary education courses</t>
  </si>
  <si>
    <t>People with disability, First Nations people, people from culturally and linguistically diverse (CALD) backgrounds, members of the LGBTIQ+ community, and others continue to face barriers across the economy and in accessing essential services. Attitudes of ableism, inaccessibility, and exclusion are common in society. There is an opportunity to drive change through education, such as a mandatory module focused on diversity and inclusion in all university degrees and vocational training courses.</t>
  </si>
  <si>
    <t>The Disability Royal Commission shed significant light on the extent of violence, abuse, neglect, and exploitation of people with disability in our society. This requires a comprehensive response to improve experiences and outcomes for Australians with disability. Similar experiences are also common for other groups in our society including First Nations people, people from culturally and linguistically diverse (CALD) backgrounds, members of the LGBTIQ+ community, and others. One significant opportunity is to ensure young people entering the workforce and those changing careers have the knowledge and skills to ensure the rights and dignity of all Australians are protected and advanced. A mandatory module that is co-designed with a diverse range of people with lived experiences of various forms of discrimination, exclusion, and abuse should be created and adopted across all tertiary education offerings.</t>
  </si>
  <si>
    <t>Boost inclusive recruitment practices to achieve a higher quality workforce</t>
  </si>
  <si>
    <t>Research demonstrates diverse workforces perform better and provide a competitive advantage for businesses. Yet, Australians with disability continue to encounter significant barriers to entering mainstream employment and this problem requires focused attention and investment. Governments should lead this change through co-designing and implementing best practice recruitment practices in the public sector and role modelling these for all employers.</t>
  </si>
  <si>
    <t>People with disability offer a diverse range of skills, talents, and qualifications and with the right supports and workplace adjustments they can participate meaningfully in the workplace and be loyal productive workers for employers and the broader economy. People with disability should be engaged in the workforce at the same rate as non-disabled Australians. To achieve this, we need policy directives, strategies, and recruitment practices put in place to assist people with disability to seek and retain employment as valued members of mainstream workplaces. These should be co-designed with a diversity of people with disability, including those that encounter intersectional barriers including First Nations people with disability, people with disability from culturally and linguistically diverse (CALD) backgrounds, older people with disability, and others. 
Noting the extent of barriers faced by Australians with disability in seeking appropriate inclusive employment, they must be centred in the change process. A new approach to recruitment has the best chance of success if it is informed by the insights, knowledge, and experiences of those it is intended to benefit. This requires a genuine co-design process where people with disability are involved in decision making about the best way forward. Options might include a reduced reliance on interviews to ensure highly productive workers who do not interview well or are not employed due to discrimination or bias have a fair chance of gaining employment. 
Indeed, the Productivity Commission should proactively consider how genuine co-design processes can enhance policy development across all areas of this work. We are concerned that many of the processes that governments are currently referring to as co-design fall well short of best practice and do not include active involvement in decision making. We encourage the Productivity Commission to access the Guide to Co-Design with People Living with Disability, which was itself co-designed, at https://purpleorange.org.au/application/files/7416/2510/1861/PO-CoDesign_Guide-Web-Accessible.pdf.</t>
  </si>
  <si>
    <t>Unify Australian School Curriculum, Assessment and Reporting Procedures across the Nation</t>
  </si>
  <si>
    <t>Unify curriculum and assessment procedures to ensure an equitable benchmark across all schools and states. This would improve public trust in school outcomes, benefit parents, students, and teachers, particularly those transiting state borders.
Centralised assessments would provide employers with a clear and consistent understanding of a school leaver’s abilities, regardless of where they studied. Centralisation would ensure reported student achievements align with actual competencies, improving workforce readiness. Data collected from these assessments would inform national policies.
The Qld system (assessment is designed by teachers and reviewed by ACARA) burdens teachers without significantly improving their skills. Furthermore, validity of assessment is compromised when teachers write and mark their own assessments. 
By eliminating the repetitive task of creating and revising assessments, teachers could focus more on teaching. This would reduce teacher stress and thereby increase retention of teachers.</t>
  </si>
  <si>
    <t>A four-day work week plus federally-funded Personal Efficiency Training and time-saving technology</t>
  </si>
  <si>
    <t>Move the federal and state/territory public service workforce onto a four-day work week, after conducting a series of trials. This would encourage the private sector to move to a four-day work week on a case-by-case basis. To facilitate the transition, the Federal Government could (should) fund state/territory and federal public (and possibly private) sector employers to provide Personal Efficiency Training and other training to employees, as well as fund the use of time-saving technologies in the public sector.</t>
  </si>
  <si>
    <t>Numerous trials of a four-day work week (where staff work four 7.5-hour days per week, or five 6-hour days per week, instead of five 7.5-hour days per week, but with no loss of pay) have shown workers can produce as much output in four days as they can in five. This implies a significant increase in labour productivity. Trials also show workers are healthier, happier, and enjoy better wellbeing and work-life balance. Reducing physical and mental illness by reducing overwork is not just morally right, it's also economically efficient. As any health economist would say, "prevention is better, and cheaper, than cure." Improved physical and mental health via reducing overwork would mean less burden on the healthcare system, saving both money and real resources.
Finally, there's the all-important role of incentives. "Necessity is the mother of invention", as the saying goes. If managers have to get their teams to deliver as much output in four days as in five, then managers have to get better at their jobs, culling unnecessary meetings/paperwork and improving their managerial skills. Workers have to become more efficient, and employers and unions have to work together to prioritise upskilling and training. Firms will have to invest in time-saving technologies, boosting demand for innovation.</t>
  </si>
  <si>
    <t>Large Australian Organisations Should Buy From Startups To Deliver Productivity Growth and Innovation</t>
  </si>
  <si>
    <t>Australia has some of the worlds best Startups, innovating products and services, but Australia's corporate sector and large organisations don't buy from them, forcing them to sell to overseas clients boosting their productivity.  Local companies don't have a compelling reason (competition) to care about innovative startups or adopt new technology, so we don't see the benefits of new approaches boosting productivity or our economy.</t>
  </si>
  <si>
    <t>Corporate Australia lacks an ingrained widespread culture of buying from local startups, so Australian startups are often forced to seek their first customers overseas (where competition and drive for productivity improvements are often much stronger).  To correct this, any large organisation with revenue above a certain threshold in Australia (e.g. $100M/year) would need to show that at least 1% of its costs were spent with Startups (eg. Early Stage Investment Companies - ESIC's as defined by the ATO) that have been established in the last three years.  If not, the large organisation are not contributing directly enough to the national productivity increase and innovation agenda and would be liable to a 1% profit levy.  The proceeds from the levy would be distributed to give grants to Australian ESIC Startups to fund business development/sales activity and help them grow.
Lack of adoption of new technologies and innovations to boost productivity harms the long term wellbeing of large organisations as they become uncompetitive/fall behind global rivals.  It harms small startups which are the seeds of future industries and employers.  It robs Startups of customer feedback and essential early reference customers and the early revenues that are proof of product market fit making it harder for them to survive or raise investment (investors usually want to see paying customers before they'll invest in a startup - a chicken and egg problem).   it robs the Australian economy of productivity growth and the jobs that would have been sustained at more productive/profitable/competitive large organisations, as well as the new jobs that would have been created by the flourishing startups.
The large organisations that can show the highest fraction of their spend going to new startups should be recognised, celebrated, thanked, and invited to lunch with the prime minister with full press coverage, to recognise the contribution they are making to productivity in Australia and supporting nascent new  industries.</t>
  </si>
  <si>
    <t>State and Federal government practices and taxation systems that support SMEs and not stifle their competitiveness and productivity.</t>
  </si>
  <si>
    <t>With three tiers of government in Australia, collectively there are a number of government practices, policies, fees and taxes that directly impact on SMEs ability to grow, employ more people, be more resilient and be more competitive. SMEs are the engine room for innovation, employment growth and economic resilience. SMEs employ 5 million (42%) of Australia's workforce and contribute more than $500 billion (or more than one third) of Australia's GDP yet they have little government support compared to large companies (including international companies). SMEs have huge potential if they had more supportive fiscal policies and taxation systems. The practices, policies and taxes have evolved over time to be what they are but if you look at it with fresh eyes it would appear that they are designed to stop SMEs ability to grow. Owners of SMEs have the drive and ambition to grow, so we should be more supportive of them rather than stymy them.</t>
  </si>
  <si>
    <t>All tax should be based on what's called a cash system rather than an accrual system. SME service providers (once they reach a certain size) are taxed on their income and GST at the moment they generate and issue an invoice rather than when they receive an actual payment for that invoice, payments are often received 60 days or more after the invoices are issued (large companies and even some governments are often offenders with this). This would alleviate most cashflow issues for SME service providers, particularly if the government could also implement a support system to assist SMEs with slow payers.  
State payroll taxes (currently between 4% to 6.85%) are the most stifling tax to company growth and productivity and directly impedes business owners employing more people. It is essentially a tax on employers succeeding in employing people, if this tax was abolished it would lead to more employment. 
A reduced company tax rate to say 20% would make companies more competitive internationally and would attract more funding into Australia. It would also stop companies having their main entity based offshore in a country with a lower tax rate. This would also make  SMEs less prone to going into administration and would enable more people to be employed by SMEs. It would also provide a more stable and sustainable work force.
Any existing government grant opportunities to companies with their main entity based overseas should be re-directed to Australian owned and based SMEs.  
Standard contract terms and conditions for all local, state and federal projects. Obviously it’s horses for courses here, but the tender process and contract terms and conditions for all projects of certain sizes should be standardised. The unnecessary complexity of some state and federal government projects regardless of the size of the project makes it very difficult for SMEs to compete with larger companies. The result is often governments pay more than they should for smaller projects that could be more affordably and effectively be completed by SMEs.
All government departments where feasible should relocate to the regions. This will stimulate growth and provide more resilient regional economies. It will save taxpayer money through lower leasing costs. It would also ease population growth pressures experienced by the cities, alleviate traffic congestion and assist with housing affordability issues. 
A bit more controversial, maybe we also should have discussions around providing a level playing field for all businesses/organisations where GST should be applied to everything, have a cashless society and any organisations that directly compete with companies in a market should also be subject to the same taxation requirements. 
Last but not least with a population of 26 million people in Australia, do we really need three levels of government where there are often overlaps, duplication and inefficiencies.</t>
  </si>
  <si>
    <t>Assessment and Reporting Based on Value Added</t>
  </si>
  <si>
    <t>Assessment should focus on a student’s growth in a subject rather than comparing them to an arbitrary standard. This approach highlights individual progress, reduces discouragement, and provides more meaningful insights for teachers, students, and parents.</t>
  </si>
  <si>
    <t>Students, parents, and teachers often face frustration under traditional assessment models that emphasise absolute grades over growth. For instance, a student receiving a ‘D’ in Year 10 might have made significant progress since their ‘D’ in Year 7, yet this improvement often goes unrecognised. Growth-based assessment and reporting allow for a more personalised and fair evaluation, recognising that students start at different levels and may progress at varying rates.
By focusing on value-added metrics, students who consistently improve are motivated, even if their grades remain modest. Parents can better understand their child’s development, and teachers are empowered to tailor their instruction effectively without feeling disheartened by static outcomes.
Teachers today must cater to diverse ability levels within a single class, often spanning several grade levels. However, expecting all students to sit the same assessments disadvantages those who have fallen behind but do not qualify for special accommodations. These students must bridge significant gaps in understanding, often relying on external support or additional time that schools may struggle to provide adequately. A growth-focused system addresses this inequity by rewarding progress and recognising individual effort.
This approach aligns with the realities of differentiated instruction, offering a more accurate reflection of a student’s capabilities and achievements. It promotes a culture of learning that values progress and resilience, benefiting students, parents, and teachers alike.</t>
  </si>
  <si>
    <t>Single Care and Support Regulatory Framework for Aged Care, Disability and Veteran Care Sectors</t>
  </si>
  <si>
    <t>A single Care and Support regulatory framework for aged care, disability and veteran care sectors that avoids duplication, reduces administrative regulatory burden and encourages more organisations to enter the sector.
This would include:
•	The same government regulatory body, registering providers and workers
•	Uniform pricing, user co-contributions (where applied) and rules
•	Consistent consumer protections and user rights
•	Consistent approaches enabling self-management and access to non-registered providers for low-risk services. 
•	Flexibility and incentives for consumer self-management and volunteer participation
•	A singular definition of thin markets and a consistent approach to meet the needs of disadvantaged populations and geographical regions with insufficient capacity to provide service choice.
•	Comprehensive navigational support services with an understanding of all sub-sectors.
•	Policy could be maintained in existing Departments or consolidated into a single Department of Care approach.</t>
  </si>
  <si>
    <t>Benefits and rationale include:
•	Provide a more sustainable and effective goal than piecemeal attempts at harmonisation. Duplication of regulation processes is a barrier to attraction, retention, efficiency, consistent quality, safety for people receiving care and support, and adds to worker and provider costs and discourages the development of workers and growth of services.
•	Develops a system that enables workers to be engaged across the relevant systems seamlessly.
•	Contributes to supporting decent wages and conditions, along with appropriate skills and training, are measures that support workforce growth, high-quality care, and workforce mobility across the care domains.
•	Provides cost savings for governments and service providers enabling additional resources for consumers and system improvements.</t>
  </si>
  <si>
    <t>Operating Theatre Pre-Surgical Meetings are an Evidence-Based Win-Win-Win</t>
  </si>
  <si>
    <t>Multi-professional team briefings (MPTBs) are structured, 3–5 minute discussions held among surgical teams (nurses, surgeons, anaesthetists, technicians) before starting a surgical list. Comprising five steps—introductions, list overview, case overview, questions, and summary—they are easy to implement and require minimal resources. MPTBs improve teamwork, communication, and coordination by fostering proactive planning, sharing critical information, and creating a unified team approach, enhancing safety and efficiency in operating theatres. At present they are not part of standard operating practices in most hospitals across Australia.</t>
  </si>
  <si>
    <t>This idea is backed by over 4 years of research conducted in Western Australian operating theatres and using high-fidelity experimental simulations. Our results suggest benefits for theatre efficiency, patient safety, and theatre staff engagement and wellbeing. A true evidence-based win-win-win. 
Key Findings
The research demonstrated that multidisciplinary team briefings (MPTBs), particularly when conducted with depth and quality, significantly improve critical outcomes:
Theatre Efficiency: MPTBs enhanced workflow, reduced delays, and improved surgical performance, with potential cost savings exceeding $3.25 million annually, based solely on reduced theatre time. Broader economic benefits could be 8–10 times higher.
Patient Safety: High-quality briefings strengthened safety communication and adherence to safety standards, reducing surgical errors.
Staff Engagement: MPTBs fostered team member voice and implicit coordination, promoting a culture of accountability and teamwork.</t>
  </si>
  <si>
    <t>National Career Education Program from the Primary Years onwards</t>
  </si>
  <si>
    <t>Building a more skilled and adaptable workforce needs to begin early in a child’s education because career aspirations are formed from early childhood. Pervasive career stereotypes form early in life and are evident in children as young as 7 years.  Career stereotypes have a negative impact on employment because they limit the career choices of Australian and unfairly drive negative perceptions of skilled careers and VET qualifications. Attempts to alter negative perceptions of VET skilled careers will be most effective if careers requiring VET qualifications are part of the unbiased early career exploration of children.</t>
  </si>
  <si>
    <t>To build a more equitable, diverse and skilled workforce to bridge Australia’s skills gap, career education programs must start earlier.
A nationally consistent approach to career education beginning in primary school for all Australian school students would broaden the career aspirations of school leavers, improve knowledge of career pathways and encourage more Australians to pursue VET qualifications (apprenticeships and traineeships). It would also align career exploration with Labour Market Information (LMI), empowering young Australians to make better informed decision about university study and VET training that aligns with job opportunities.
A National Career Education curriculum could be delivered by teachers in primary schools, and by teachers and qualified Career Development educators and practitioners in secondary schools. A national curriculum approach to career education is inclusive and has the power to improve the career opportunities for school students living in regional, rural and remote locations; First Nations students; students with disability; and students facing social and financial disadvantage. 
More young Australians engaged in employment, training or study aligned to in demand jobs supports the Australian economy. A reduction in unemployment and under employment not only benefits the economy but has financial and wellbeing benefits for individuals across their lifespan.</t>
  </si>
  <si>
    <t>Federal Government work with State and Territory Governments to identify conflicting policies or processes that act as a potential barrier to employment</t>
  </si>
  <si>
    <t>The Federal Government must work with State and Territory Governments to identify conflicting policies or processes that may be barriers to employment and rectify them to create a streamlined employment process.</t>
  </si>
  <si>
    <t>Modular Construction of Residential Buildings</t>
  </si>
  <si>
    <t>Adopting modular construction methods in housing can significantly boost Australia’s productivity by addressing the nation’s critical housing shortage faster and more cost-effectively than traditional construction alone.</t>
  </si>
  <si>
    <t>Modular construction of residential buildings can contribute to increasing Australia’s productivity by:
1.	Enabling quicker population settlement. Modular construction can allow projects to be approved, funded and completed faster than traditional construction.
2.	Improving workforce mobility. Modular construction can deliver scalable housing to regions that workers might otherwise avoid due to lack of housing availability or affordability. 
3.	Reducing pressure on constrained urban infrastructure. Manufacturing in controlled factory environments can increase quality and consistency, and minimise disruptions from weather or site conditions..
Modular construction’s ability to accelerate housing delivery is essential for fostering stable communities, which in turn drive the dynamic and adaptable economy that is needed to meet the growing and diverse needs of Australia.</t>
  </si>
  <si>
    <t>The Government continue to enhance the migration system to support a skilled workforce</t>
  </si>
  <si>
    <t>The Government must continue to enhance the migration system through their Review of Regional Migration and Migration Strategy.</t>
  </si>
  <si>
    <t>Replace company income tax with a cash flow tax</t>
  </si>
  <si>
    <t>Replace company income tax with a revenue-neutral corporate cash flow tax (CFT), as proposed by Ross Garnaut and Craig Emerson (see Garnaut, Emerson, Finighan and Anthony [2020], in The Australian Economic Review). Under a CFT, firms would be taxed on cash flow, rather than on profits as under traditional profits-based company income taxes. All business expenses (including investment) would therefore be tax-deductible.</t>
  </si>
  <si>
    <t>A CFT would exempt private investment from the tax base (thus boosting investment, capital deepening and productivity growth), simplify the tax system (thus boosting efficiency and saving on compliance costs), and attract foreign investment (thus supporting the exchange rate).</t>
  </si>
  <si>
    <t>Collaborate with industry to improve VET pathways and apprentice and trainee completion rates in hospitality</t>
  </si>
  <si>
    <t>There is an acute need for more skilled workers in the hospitality industry, including the club sector, for chefs and cooks. The Government must consider how they improve VET pathways to achieve higher completion rates of key courses through collaborating with the industry, including clubs.</t>
  </si>
  <si>
    <t>Inclusive Employment Opportunities</t>
  </si>
  <si>
    <t>The Government should pursue partnerships with industries to assist in the employment of people with a disability. Participation of individuals with disabilities in the labour force is important to ensure equal opportunities are given for all employees to develop and succeed</t>
  </si>
  <si>
    <t>Make returning to the workforce easily accessible for older Australians</t>
  </si>
  <si>
    <t>The Government should make returning to the workforce easily accessible for older Australians through incentives and support mechanisms, including income tapering, re-skilling programs and support services. 
The Government should work with industries who can support this, including club. Clubs are well placed to offer employment opportunities, including for people and cohorts who face structural and other barriers in working. A job in a club can offer various career opportunities, including cooking, hotel management, customer service and business operations.</t>
  </si>
  <si>
    <t>- The Australian population is ageing and it is estimated by 2066, 23.1 per cent of the population will be aged 65 years and older (Australian Institute of Health and Welfare (2021), Older Australians Demographic Profile).  
- Engaging older workers will assist in filling shortages in the labour force, particularly in the hospitality sector and ensure that workforce needs can be met.  
-At a broad level, having more workers in the economy increases economic output and boosts overall productivity. Engaging older Australians will assist in this.   
-Older Australians also often bring flexibility in the hours they can work and roles they fill, which can contribute to a more adaptable workforce.</t>
  </si>
  <si>
    <t>Improving indoor air quality (IAQ) for better productivity, safer work and education settings, and population health gains for all Australians.</t>
  </si>
  <si>
    <t>Australians spend up to 90% of time indoors, including for work, education or care. How well air quality is managed in these buildings determines the level of exposure to airborne pollutants, pathogens and other hazards that may be present.  
Addressing IAQ will improve health, mental health, cognitive performance and concentration of Australians, such as when participating in work or education. This will generate savings to the economy such as from reduced absenteeism and improved performance.</t>
  </si>
  <si>
    <t>Health and wellbeing impact:
IAQ is associated with poor health from a range of causes including viruses, asthma, respiratory diseases, heart disease, neurological and mental health conditions, and some cancers. Recent studies find association between poor air quality and all 10 leading causes of death in Australia in 2022.  
These account for significant proportion of illness and carer-related absenteeism in the Australian workforce, and better IAQ in workplaces will reduce illness that is spread and acquired at work. 
Effective IAQ management reduces:  
- Spread of respiratory illnesses such as COVID-19, influenza, and RSV.  
- Exposure to airborne pollutants that can cause immediate and chronic health issues, such as dust, combustion fumes, bushfire smoke, transport and industry pollution, pollen and allergens. 
- Elevated carbon dioxide from re-circulating re-breathed air in densely occupied spaces, effecting cognitive performance and concentration in workplace or educational setting. 
Future proofing :
Improving IAQ contributes to climate change resilience in multiple ways. Climate change is altering how we use indoor spaces and challenges buildings and the systems that regulate temperature, humidity, energy use, and ventilation. High-quality indoor air becomes increasingly important. Beyond basic comfort, enhanced IAQ is key to public health resilience - protecting against both immediate threats like bushfire smoke, heat, humidity, and longer-term challenges like airborne disease transmission.  
Experts warn that pandemics are not rare "once-in-a-century" events, but are likely to occur multiple times within our lifetimes. IAQ improvement is an economic safeguard - to help maintain business continuity and reduce dependence on disruptive measures in future emergencies.  
This dual benefit of IAQ - addressing climate adaptation and emergency preparedness – places IAQ as central to future proofing Australia’s built environment. 
Economic impacts:
The ongoing economic impacts of IAQ are significant, even before accounting for COVID-19.   
The pandemic propelled the world into the fastest economic decline since World War II. For children and young people, learning losses alone are estimated to cost the world economy $1.6 trillion by 2040. COVID-19 continues to cause health and economic challenges, and all countries need to be better prepared for future emergencies.   
The aggregate productivity gains from improved IAQ are yet to be quantified, though this work is starting both in Australia and overseas. IAQ management will reduce absenteeism (due to illness and carer responsibilities) and increase performance. They will contribute to reducing impacts on labour force participation from growing prevalence of long COVID and other preventable chronic health conditions. Long-COVID is now recognised as an occupational disease in 27 European countries. 
The risks of IAQ are correlated with inequity and socio-economic disadvantage.  Poor IAQ disproportionately impacts vulnerable populations, areas experiencing socio-economic disadvantage, children, the elderly, those who are immunocompromised  and those with co-morbidities. 
Practical solutions:
The reform path requires coordinated actions across multiple areas including: (1) national IAQ performance standards such as for schools and workplaces (2) targeted infrastructure investment in ventilation and monitoring systems, and (3) education and awareness raising  
The reform window:
There is growing momentum for IAQ reform in Australia and globally. The Australian National Science and Technology Council released a focused report in August 2024. The Victorian state government has invested in two major IAQ projects.  
Industry and sector readiness:
Industry is engaging to drive innovation in engineering and technology solutions, and in the sensor and data platforms required for monitoring and communicating IAQ information. Globally, demand for a new indoor air quality economy is growing.  
With our strong engineering capabilities and world-class research sector, Australia has the potential to become a global leader. Research sector is already engaged evident by collaborations bringing together science, public health and engineering like THRIVE or the Victorian Clean Indoor Air Consortium.</t>
  </si>
  <si>
    <t>Measuring productivity in the care economy – are conventional approaches working?</t>
  </si>
  <si>
    <t>A research project to improve knowledge of the impact of caring on society and broader economy and how this contributes to Australia’s productivity. Measuring care is more than a measure of inputs and outputs as measured in multifactor productivity. The project will investigate alternate approaches to quantifying the value of care and its contribution to Australia’s productivity.</t>
  </si>
  <si>
    <t>The care economy is the largest and most rapidly growing sector of Australia’s economy. Yet it is considered the ‘handbrake’ that is limiting productivity growth. CheckUP contends that measuring productivity in the care economy is more than the current standard measures of multifactor productivity. It also includes the wider social and economic benefits of ‘care’ such as improved life outcomes for individuals, increased participation by individuals and their families in work, education and training and greater participation in society. Each of these could be considered as outputs from the care economy. 
The disability sector is one sector within the care economy. The introduction of the National Disability Insurance Scheme (NDIS) has changed the sector, providing people with disability greater control over their lives and opportunities for increased participation in society.  An estimate of the multiplier effect of the NDIS puts it at around $2.25 for every dollar spent. Given that there has consistently been lower than expected plan utilization rates for the NDIS (25 to 30%), it is possible that this multiplier effect could be larger. The fact that many people with disabilities in regional and remote areas are unable to access supports at all within their communities builds the case for developing a better way of estimating productivity in the disability care sector.
Rather than considering productivity in terms of the number hours/intervals of service provision or the number of interactions between service provider and the client, a better way of measuring productivity could be measuring the reduction in each individual’s dependence on funded services while maintaining or improving the individual’s quality of life. 
CheckUP will undertake a small-scale research project in partnership with a group of key stakeholders in Central Queensland within the disability care sector. It will draw on existing data and research from a range of sources both in Australia and internationally to create a basis for the research as well as investigate possible new approaches to measuring productivity in the disability care sector. This could be evidenced in several ways such as increased community participation, the development of social networks that reflect the social networks of people without disability, improved physical activity, decreased demand for services.
The research will also seek to identify the inhibitors of productivity that exist within the sector and propose how these could be addressed through effective policy levers. 
It is estimated that the project will take 12 months to complete and will consist of two phases – a literature review and mixed method research with small businesses and sole traders in the central Queensland region. A report highlighting the findings will be published at the end of the project.</t>
  </si>
  <si>
    <t>Make Work From Home (WFH) default whenever possible.</t>
  </si>
  <si>
    <t>Instead of focusing on the woes of cafe owners not selling enough avocado on toast, and rich real estate tycoons losing rent, the focus should be on workers.
By making workplaces as accessible as possible through technology such as the internet, and through clean air standards more people can access wider employment opportunities.
COVID did not displace other diseases; it added to the disease burden, increasing days off sick, reducing longevity of workers, and creating a skill drain as people prematurely are forced from the workplace.
Until workplaces have been made safe, attendance should never be mandatory, unless physically required, and mandatory respirator use in place.
Workplaces have had the greatest responsibility in this accelerating pandemic, which they have largely ignored. It have been proven legislation is needed before they will undertake any task that will cost upfront money. WFH REDUCES costs, so should be a no-brainer.</t>
  </si>
  <si>
    <t>Work from home by default removes limitation of location based opportunity; this is great for regional participation.
Work from home allows a greater inclusion of disabled folk, who often cannot commute.
Without the commute, workers are less tired, and more alert during the day.
Numerous studies have shown work from increases productivity.
Worker burn out is significantly reduced.
Older workers can remain in the workforce for longer.</t>
  </si>
  <si>
    <t>Enabling Productive Businesses</t>
  </si>
  <si>
    <t>Consult Australia recommends that undertaking legislative and policy reform can enable a strong ecosystem of productive businesses, ready to take the lead on innovation and collaboration. We maintain our call for reform to address the diminishing health of the broader construction industry and the size, scale, and complexity of the demand in the industry. 
Our reform recommendations create a more productive market by removing barriers to participation and addressing regulatory inefficiencies. Combined with procurement reforms, government can enable productive businesses.</t>
  </si>
  <si>
    <t>Consult Australia’s reform proposals remove unnecessary burdens on businesses to increase productivity and promote increased innovation and creativity. We have provided very concise content to suit the 'pitch' but welcome the opportunity to provide additional detail and context to all reform proposals to the Commission.  
Market productivity reforms
•	Amend the Australian Consumer Law (ACL), to ensure the misleading and deceptive conduct provisions protect consumers and small businesses and cannot be misused otherwise. 
•	Amend civil liability laws in all jurisdictions except Queensland (which already has the provision), to explicitly prohibit contracting out of proportionate liability for professional services contracts. 
•	Amend the Automatic Mutual Recognition legislation to remove an unnecessary limitation caused by the ‘home state’ definition that relies on the a person’s principal place of residency or work. This is a significant barrier to occupational mobility and the ability of businesses to have their qualified and registered individuals (including engineers) to move between jurisdictions for projects easily. 
•	Amend labour hire laws in Vic, Qld and ACT to remove unnecessary burdens on businesses where labour hire is only incidental to their services.
Procurement productivity reforms
•	All procuring agencies to invest more time and resources in the planning and/or pre-design phases to projects, engaging with industry during these phases. 
•	Limit the practice of fee capping by clients and government agencies which overrides market forces, especially to complex projects.
•	All governments to endorse a Model Client Policy to drive improvements in contracting with the private sector. 
•	All governments to change the procurement practice of labelling bids as ‘non confirming’ to allow innovation to be considered. 
Together the proposed reforms deliver significant productivity benefits, some of which we have costed below.
While we have not costed the recommendation to unifying civil liability laws as per the Queensland legislation, by explicitly prohibiting contracting out of proportionate liability, it is clear that this would provide greater certainty to contracting parties regarding their liability exposure. Importantly, it would also realise the policy intent of the original 2001 civil liability reforms – to bring stability back to the PI market after the collapse of HIH. 
Amending the Automatic Mutual Recognition legislation could save over $54m in business costs across engineering businesses - Consult Australia business members with staff who are registered engineers in one jurisdiction (but not their home state because that state had not introduced registration at the time of the engineer’s first registration) cannot use the automatic deemed registration provisions because of the limitation of ‘home state’. Therefore, these businesses must pay full registration costs for each of these registered engineers to be registered in each new jurisdiction. Across our membership, we anticipate a combined amount of $54 million in costs to business for registration of engineers already registered in another jurisdiction, if successful implementation of Automatic Mutual Registration legislation was achieved for engineers. We have not explored cost savings for other registered occupations that could also benefit from this change.
Amending the labour hire laws in Qld, Vic and ACT could save over $200,000 per business - Consult Australia members who currently need to report under labour hire laws advise that a saving of over $200,000 per business could be realised if unnecessary regulatory burdens of labour hire laws were removed from these businesses where labour hire is not the core service of the business. Consulting businesses were not part of the policy problem sought to be addressed by the legislation, but are caught up in the Queensland, Victorian and ACT schemes because of the legislative drafting.</t>
  </si>
  <si>
    <t>Liberating, linking and learning from Australia’s Health Data.  Vive la data!</t>
  </si>
  <si>
    <t>Have you ever tried to navigate the complexity of our health system as a patient or with a family member or friend? Have you or a family member or friend been reliant on navigating access to innovative health research to save your life or extend or improve the quality of your life?
Increasingly, many of us are engaging with Australia’s already stretched health system for complex and chronic conditions, across healthcare teams, services, locations and providers.  Many of us desperately need timely access to and interpretation of innovative, evidence-based treatments and models of care that are preventative, proactive, connected and integrated.
The patient is the one constant throughout their health care interactions, and their data underpins all healthcare transactions that are critical to informed, shared decision making and health system innovation and learning.
As great as our health system is, this is where citizens need to be empowered to codesign their care and where the system could benefit from more contemporary approaches to healthcare data access and use.</t>
  </si>
  <si>
    <t>Rethinking and broadening our ways of working with our wealth of existing healthcare data to harness this rich resource and better utilise digital technology, will deliver quality care more efficiently.
Recommendations:
1.	LIBERATE Australia’s healthcare data firstly for patients themselves.
Empowering patients with access to an expanded, secure and timely “My Health Record” that includes all healthcare consultation records, healthcare provider communications, medical reports and test results is a way to deliver patient centred care and care with patients not to patients.  A more comprehensive My Health Record will support patients and their families making informed and shared healthcare decision making for better health outcomes and health system efficiency. 
2.	LINK Australia’s healthcare data.
Fully linking patient data and improving the secure connection and portability of that data for healthcare providers across services and patients themselves is a key enabler of patient safety and quality care and health system efficiency.  Australia’s healthcare data is a national asset requiring an investment in national infrastructure, data standards and systems to maximise and enhance its secure use for the public good.
3.	LEARN at scale from Australia’s healthcare data
A learning health system from broadening access to our healthcare data including access for citizens to their own data, is critical for improved patient outcomes, health system innovation and sustainability. The analytics and insights from big data research can help enable exponential health system improvements and best-practice care.  This will require informed patient consent and transparency about data use, innovative data sharing and privacy approaches including synthetic health data generation and use and governance and data security measures in line with public values.
Doing nothing or maintaining the status quo is not a viable option. However, the return on investment from better utilising and broadening access to existing resources can be achieved with a modest investment. People’s lives depend on strategic healthcare data infrastructure investment and policy reforms to transform healthcare data access and use for the benefit of current and future generations of Australians.</t>
  </si>
  <si>
    <t>Quantify the value of Tax Reform</t>
  </si>
  <si>
    <t>We are all well aware of the need for tax reform. However, it's difficult to get anyone to quantify the value of various tax reform proposals.
If the value of reforming the whole system was known (allowing for error) then politicians would be much better placed to propose, negotiate and fight for reform.</t>
  </si>
  <si>
    <t>Simply, calculate how much tax reform could be worth to Australia's productivity, economy and GST.
Do this I guess by approaching various experts (beginning with your own) and asking them to approximate how much they think a. a new tax system, and b. the reform of different parts of the tax system would add to Australia's productivity, economy and GDP.
Then take all those numbers and calculate an average for each (and sum the parts in b. and hopefully it approximates a. as well - a rudimentary error check).
If, for example, the answer to a. was about 2%pa, imagine what that's worth over 20 years - Australia's economy would be 50% bigger than otherwise.
It might also be possible to apply it retroactively. For example, by projecting what the size of the economy would be now if the reforms proposed by Ken Henry had been universally applied.
The first projection creates useful motivation for tax reform going forward - reform I presume the PC would endorse. The second projection might be useful as well, in particular for pointing fingers at prior political failure to act in Australia's best interests.
The attached image shows a group of people determined to not give up on attempting to do good things.</t>
  </si>
  <si>
    <t>Smart regulation rather than clunky regulation</t>
  </si>
  <si>
    <t>One of the upsides of Australia is that it has laws that protects its people, environment and how society interacts. The downside is that many well-meaning pieces of legislation that are poorly written and aim to stop 100% of the downsides the legislation is trying to protect us from. A huge burden of compliance work is then heaped on people and businesses which means they do not have time for more productive value adding tasks. We need smart regulation, which does not let perfection get in the way of good.</t>
  </si>
  <si>
    <t>I worked in large construction materials business for 10 years. On a regular basis the business has business improvement projects (i.e. productivity boosters) which enabled the company to produce more or reduce the cost of production. On the other hand, the business was on a regular basis needing to add non-value adding headcount to ensure compliance with new and often complex new regulations (i.e. productivity reducers). Headcount was added in departments such as Legal, environmental, OH&amp;S, Human Resources and team literally known as Compliance. Over my 10 years with the business headcount was approximately 800 throughout those years, but the percentage of people doing value-adding tasks dropped steadily as the company needed to comply with a regular stream of new legislation.
In a year working for an animal welfare organization with 200 people. Despite having some very competent payroll and human resources staff, on three occasions in a year the organization needed to engage expensive external lawyers to interpret overlapping and in places incomprehensible employment awards. The organisations donors gave generously for animal welfare reasons, not to engage lawyers.
Privacy laws often work to the detriment of people they are trying to protect. As an example, I recently attended an emergency and when asked when I had my last tetanus injection, I suggested they check "My Health" records. The nurse replied she did not have the time to access "My Health" due to all the checks and balances in place. As a precaution, I was given another tetanus injection a cost that probably could have been used more productively
Society benefits from having good regulations, but there needs to be balance to ensure the cure is not worse than the problem.</t>
  </si>
  <si>
    <t>National digital health education and training program to build digital health capability and confidence across the health workforce</t>
  </si>
  <si>
    <t>There is already awareness for the need for developing general as well as specialist digital health capability across the health workforce. (1) This idea supports the call, and planned activities, for understanding the digital health readiness of the emerging and existing workforce. It would encompass an approach that includes:
•	education and training to improve general digital health literacy among the current and future workforce
•	education/training pathways to develop a diverse specialist digital health workforce (including those in the design and development of new digital health technologies), 
•	experiential learning to upskill clinicians in adopting best practice in use of new technologies in health and care.
(1) Australian Government Australian Digital Health Agency. The National Digital Health Capability Action Plan. 2025.</t>
  </si>
  <si>
    <t>Making digital patient information easier for clinicians to access and use, the Productivity Commission estimates, could save up to $5.4 billion per year by reducing the length of time patients spend in hospital, and $355 million in duplicated tests in the public hospital system alone. The 2024 report on Leveraging digital technology in healthcare also noted that the use of alternatives to traditional forms of care, such as remote patient monitoring and digital therapeutics, is highly cost-effective, and could ease pressures on our healthcare system. (2)
The 2022 white paper on Australia’s Health Reimagined (3) sets out a vision for a reimagined health system that supports all Australians to live their best, healthiest lives, driven by confident, connected consumers. One key pillar of achieving this vision are “connected, empowered and confident health professionals” who are digitally and data literate, and can leverage digital technology and data insights to improve their decision making for better care, and also their own work lives.
The white paper also notes that if current levels of productivity are to continue, it’s estimated the health workforce would need to grow from 11% to 45% of the total Australian workforce by 2050 to meet rising demand on the healthcare system driven by our ageing population. The current health workforce is already experiencing increased fatigue and burnout due to greater workloads. 
While digital technologies may present solutions to workforce demand, successful integration of digital technology to realise benefits requires targeted support, particularly for the clinicians applying these technologies in everyday practice. Research into the implementation of digital technologies such as clinical decision support systems in health settings has found plenty of evidence that despite the emergence and potential benefits of sophisticated digital health tools, clinicians report gaps in alignment with their needs and their existing capabilities, and such tools are then underutilised in practice. 
There needs to be acknowledgement that the uptake of new technologies, and the best practice use of these technologies to bring about value to consumers and clinicians alike, imposes greater cognitive burden on health workers, particularly those who are not digital natives and have not been adequately prepared or trained for the influx of emerging technologies in the health sector. 
This suggests a pressing need for building clinician capability and confidence in digital health  in a number of ways: 
•	strengthening the quality and value of academic education and research training in digital health at tertiary level. Leverage the strategic leadership of the Australian Council of Senior Academic Leaders in Digital Health (4) to embed skills and knowledge integral to digital health for the future and emerging health workforce
•	involving health workers in the design, implementation and evaluation of new services to ensure they are fit for purpose, mindful of user experience, and improve patient safety quality of care
•	investing in change management that truly understands the enablers and addresses the barriers facing clinicians as they look to learn about and adopt new technologies; and
•	training and experiential learning that allows clinicians to become confident and capable using advanced technical functionalities in day-to-day healthcare. For example, uplift in individual and organisational knowledge and capacity for the responsible use of AI technologies in healthcare in collaboration with health professional organisations and regulatory bodies.
Without this focus, we risk leaving the user base for these digital health technologies behind, and not capitalising on the true value of these technologies for increasing productivity. 
(2) Australian Government Productivity Commission. Leveraging digital technology in healthcare. 2024.
(3) Deloitte, Digital Health Cooperative Research Centre, Consumers Health Forum of Australia and Curtin University. Australia’s health reimagined: The journey to a connected and confident consumer. 2022.
(4) https://digitalhealthcrc.com/australian-council-of-senior-academic-leaders-in-digital-health/</t>
  </si>
  <si>
    <t>National Centre for Collaborative Digital Health research &amp; Innovation to grow local innovation culture in the Australian healthcare ecosystem</t>
  </si>
  <si>
    <t>Establish and sustainably fund a National Centre to encourage local digital health innovation that aligns with the unique healthcare needs of Australia. The Centre would build upon the foundation of the Digital Health Cooperative Research Centre (DHCRC), harnessing collaborative relationships with governments, universities, industry bodies, private and not-for-profit stakeholders, all committed to accelerating the implementation and translation of digital health technologies.</t>
  </si>
  <si>
    <t>For every $1 million invested by the Government and industry into the digital health sector, $19.7 million in capital is raised, 56 new jobs are created, and $4.2 million in gross economic value is delivered. 
Closer collaboration between government, health tech companies and researchers throughout digital health product development ensures existing and emerging local data and digital technology innovation aligns with national priorities while fostering innovation culture and the responsiveness of the Australian healthcare ecosystem.  
The proposed National Centre would focus on building capability through complementary components such as:  
•	Identifying growth and acceleration needs in the Australian health landscape, and surfacing relevant information (research, case studies) that demonstrates how data and digital technology can or is already addressing those needs
•	Bringing together stakeholders in regular dialogue and feedback exchange between the government, health services and local health tech companies, to collaborate in addressing gaps in meeting national needs
•	Co-ordinating efforts across government, industry and academia to fund and translate research into data &amp; digital technology that supports carrying out and improving clinical care, for the benefit of health providers and service users.
•	Helping to commercialise local emerging technologies to make Australia a global leader in digital health
•	A resource to enable clinicians, consumers and policy developers to discover and use digital health solutions that are delivering improved Australian health care, for a ready-to-hand evidence base that helps reduce duplication and waste in R&amp;D. 
•	Programs connecting universities, government and industry that mentor researchers to make connections, facilitate collaborations, and develop business acumen, upskilling digital health SMEs within the broader landscape to help grow Australia’s digital health industry
•	Supporting Australia to strategically set up and utilise domestic value chains, not only to drive local innovation culture, but also create jobs and retain bright minds here at home, enhancing the overall resilience of the economy.</t>
  </si>
  <si>
    <t>Rating Web content</t>
  </si>
  <si>
    <t>Web content to be rated to enhance findability of beneficial content specific to user.</t>
  </si>
  <si>
    <t>Content rated for educational benefit (Including levels) so access to education only occurs once foundation knowledge obtained.  Games enhanced to include health promotion activities and educational content.</t>
  </si>
  <si>
    <t>Boost productivity by incentivizing the reduction of ‘all-in’ organisation-client interface costs for both the public and private sector.</t>
  </si>
  <si>
    <t>The basic hypothesis is that a significant part of the effort that organisations (public and private) devote to seeking customer interface efficiencies results in cost transfers to customers rather than outright cost reduction, and that these costs are sufficiently large in aggregate to act as a drag on productivity. The proposed response is to introduce a mechanism to better capture, benchmark and highlight transferred costs, drawing on the ‘sunlight is the best disinfectant’ principle to nudge organisational incentives away from transfers and towards real reductions.</t>
  </si>
  <si>
    <t>The tendency for both public and private organisations to implement IT-based administrative and procedural reforms that transfer costs from them to their clients is well established. While from an organisational perspective efficiency may have improved considerably, transferred costs do not disappear, and the net efficiency improvement at the societal level is somewhat less. 
As costs are transferred out of an organisation they are ‘atomised’ and borne by a multitude of clients and users. The additional cost is incremental to each client, and in most cases may not warrant a proactive effort to ‘push back’ against their imposition, or justify the effort to find alternative suppliers (if this is even possible – e.g. government agencies). As such, the extent of these costs goes largely unmeasured, and there is no real advocate for their reduction. Furthermore, over time a given individual may experience costs being transferred towards it by multiple different organisations (for example, telecommunications providers; insurance companies; state and federal service providers; general warranty and complaints processes from all manner of organisations etc.). Taken together, the additional costs in time, reduced service quality (e.g. inability to gets complaints resolved satisfactorily), increase in cognitive load, and general drain on morale can be large, and can have a real impact on personal productivity. In the real world, much of this additional personal administration actually takes place on ‘company time’: procedural research; booking processes; ID processes; form filling, waiting in phone queues’ etc., all while ostensibly doing one’s ‘day job’. So, the increased costs borne by individuals are in turn partly transferred again to their own employers. These costs are largely unmeasured, and their imposition is largely undisciplined. 
One possible way to address this issue may be to introduce a mechanism that can ‘re-aggregate’ these transferred costs, develop a methodology to assign dollar values to them, to the extent possible make ‘apple to apple’ organisational comparisons, and then to raise awareness in the public domain about them. This would hopefully introduce ‘pressure’ for organisations to focus on real cost reductions, rather their exercising their market power to transfer costs. To be clear, this would not mean any additional legal or reporting requirements being imposed upon agencies. It would mean a survey/sampling approach to provide information that would then allow customers and governments to make more informed choices (i.e. making ‘hidden’ costs visible), and that would by its nature be of sufficient public interest that organisations would feel increased pressure to reduce cost transfers themselves. While “naming and shaming” may be overreach, using the ‘sunlight is the best disinfectant’ analogy to encourage and incentivize reform may be apt. A possible model (or home) for such a mechanism may be the newly established Australian Centre for Evaluation.</t>
  </si>
  <si>
    <t>Renegotiate CMFEU EBA's on major projects</t>
  </si>
  <si>
    <t>Taxpayers are not getting value for funds utilised on major projects due to excessively generous pay and conditions granted to CMFEU members. A minority is benefiting at the cost of the majority. Australia's productivity needs major infrastructure with strong business cases delivered without a small cohort getting excessively rewarded for their involvement.</t>
  </si>
  <si>
    <t>Australia could afford more major infrastructure projects if "reasonable" pay and conditions were negotiated with the CMFEU. Major projects involve huge amounts of expensive heavy equipment. If CMFEU EBA's were renegotiated to allow work to continue 24 hours a day for 365 days a year, taxpayers would get better utilisation of the expensive equipment involved in "big builds", the economy would get earlier use of improved infrastructure and periods of disruption caused by major projects would be less lengthy. By all means compensate workers fairly for working unsociable hours, just stop paying them excessive amounts for unreasonably short hours compared to societal norms.</t>
  </si>
  <si>
    <t>Pathways to Participation - Australian Shipping</t>
  </si>
  <si>
    <t>The Australian shipping industry has a significant labour shortage, and is unlikely to scale up without targeted intervention. With 5% of seafarers being women, this stands out as an underutilised source of talent which should be readily addressed. Increasing the participation of women in Australian shipping must be seen as a strategic imperative - to harness the full potential of all Australians in building a thriving maritime sector. By fostering diversity and inclusion, the industry can address workforce challenges, improve innovation, and secure a sustainable future.</t>
  </si>
  <si>
    <t>The Australian Government is investing $60.6 million in the Building Women’s Careers (BWC) Program to drive systemic structural and cultural change in training and work environments critical to a Future Made in Australia. However, the male-dominated industries and sectors eligible are confined to construction, clean energy, advanced manufacturing, digital and technology.
Transport, logistics and supply have been excluded from this worthy initiative despite the offshore energy transition to renewables not being possible without shipping. 
We propose that a national strategy to address gender parity in the maritime industry be developed. Encouraging women to join the industry, and mandating workplace policies which retain them, will deliver Australian shipping a broader range of skills and experiences to fill critical roles. As maritime transport expands to support renewable energy, decarbonization, and global trade, a diverse and inclusive workforce will be vital.
The following benefits to be realised include:
•	Improved Culture: Gender-diverse workplaces often promote greater respect, communication, and collaboration, leading to a safer and more supportive environment.
•	Safety: Women’s perspective and contributions can enhance safety protocols and practices, particularly in high-risk environments such as maritime operations.
•	Adaptability: Women’s participation will enhance the industry’s ability to adapt to changing economic, environmental, and social challenges.
•	Sustainability Goals: Diversity is a critical component of broader sustainability and corporate social responsibility (CSR) goals, aligning the industry with international standards.
•	Enhanced Decision-Making: Research consistently shows that diverse teams make better decisions, solve problems more effectively, and drive innovation.
Key Elements of a National Strategy
1.	Workforce Targets: Establish measurable gender parity goals and hold industry stakeholders accountable.
2.	Legislation and Policy: Enact policies promoting equal opportunities, flexible work arrangements, and zero-tolerance for harassment.
3.	Training and Education: Provide scholarships, apprenticeships, and specialised training programs to encourage women’s participation in maritime careers.
4.	Workplace Support: Offer initiatives such as parental leave (with superannuation included), mentorship programs, and career advancement pathways tailored to women.
5.	Promotion and Advocacy: Celebrate and promote the achievements of women in maritime to challenge stereotypes and inspire change.</t>
  </si>
  <si>
    <t>Abolish minimum local content requirements</t>
  </si>
  <si>
    <t>Governments should stop setting minimum local content requirement for infrastructure projects. These policies add significant cost and are an unjustified intervention in the market.</t>
  </si>
  <si>
    <t>Abolishing minimum local content requirements for infrastructure projects will increase productivity by preventing inefficient suppliers from participating in supply chains. Project proponents should be free to source goods and services from the most competitive suppliers. 
The worst of the local content policies is in Victoria where the Minister sets requirements. Governments are not good at determining supply chain configurations for major investments. They risk adding to costs and time delays for projects.
Governments should instead promote local participation using other policies eg information provision and capacity building</t>
  </si>
  <si>
    <t>Removing constraints to business investment in the mobile telecommunications and technology sectors.</t>
  </si>
  <si>
    <t>To fully harness the benefits of data and digital technology we need to recognise current constraints which inhibit business investment in the mobile and related technology sectors.</t>
  </si>
  <si>
    <t>Further information:
The following policy objectives would help address this.  
•	Spectrum pricing that reflects the productivity benefits of spectrum use.  (Spectrum is a scarce resource and its efficient use is intrinsically linked to productivity).  
•	An efficient, nationally consistent approach to telecommunications infrastructure deployment to address the cost of delays in planning, build and deployment.
•	Addressing the cost of regulation across multiple jurisdictions to foster an economically sustainable telecommunications sector. 
•	A national energy strategy that recognizes the cost of energy required to meet the needs of the digital economy (e.g. 5G/6G/AI etc) and which is structured to provide incentives to encourage investment.
Likely Benefits:  
Targeted investment in mobile and related technology sectors will foster innovation in the digital economy, increase productivity and help ensure our most vital industries are economically sustainable.</t>
  </si>
  <si>
    <t>A national standard agreed with industry on curriculum, cross border/institution recognition and accreditation in relation skills and training for current and emerging technologies (e.g. 5G/6G/AI).</t>
  </si>
  <si>
    <t>Australia needs a workforce which is skilled to capitalise on the benefits of the digital economy.  There is a pressing need for upskilling and reskilling the Australian workforce, ensuring that our labour market remains competitive and adaptable. 
AMTA is an active participant in the Future Skills Organisation, which aims to improve digital skills training in the VET system and provide a world leading approach to training and employing people in digital skills in Australia.
AMTA advocates for agreement on a national standard on curriculum, cross border/institution recognition and accreditation, as well as a mechanism for ongoing industry input to keep the content/quality of any accreditation relevant and contemporary with changing technology.</t>
  </si>
  <si>
    <t>Likely Benefits: An adaptable and skilled workforce will increase efficiency and mitigate redundancy in our labour force, increase labour productivity and make Australia more internationally competitive.</t>
  </si>
  <si>
    <t>A national, streamlined approach to the regulation of mobile telecommunications infrastructure deployment in Australia</t>
  </si>
  <si>
    <t>Telecommunications is a key enabler of the digital economy.  To leverage its full economic potential, we need to remove red tape and duplication from telecommunications regulation and have a national, streamlined approach to mobile infrastructure deployment.  (Specific examples to be made available as part of consultation process). This will enhance efficiency and productivity.</t>
  </si>
  <si>
    <t>Likely benefits: More efficient deployment of telecommunications infrastructure, a more economically sustainable telecommunications industry and access to greater connectivity for Australians.</t>
  </si>
  <si>
    <t>Enhancing Worker Safety and Competency in Offshore Energy  - Decommissioning and Renewables</t>
  </si>
  <si>
    <t>To propel growth through worker safety and ensure that Australia’s workforce and industry thrive in this new era, we propose targeted reforms to strengthen competency standards, ensure ongoing safety, and enhance Australia's capability to lead in a transitioning energy industry while protecting the wellbeing of its workforce.</t>
  </si>
  <si>
    <t>1. Addressing Gaps in Certification and Licensing
The OPGGS Regulations’ reliance on a “permit to work” system is far less rigorous compared to the onshore WHS jurisdiction. It does not mandate certification or licensing, relying instead on a facility’s safety case to manage work activities. This gap significantly increases risks, as demonstrated by the high level of safety breaches and alerts recorded by NOPSEMA. 
Proposal:
•	Introduce mandatory licensing or certification for offshore high-risk work through the OPGGS Act Regulations, aligned with the standards used in other Australian WHS jurisdictions.
•	Require workers performing critical tasks in decommissioning, such as rigging and crane operation, to hold nationally recognized certifications obtained through VET courses.
2. Implementing a Decommissioning Licence for Contractors
Given the complexity of decommissioning and the elevated risk of adverse consequences from inexperienced operators, the industry requires stringent vetting of companies and individuals involved in these activities. This initiative will ensure that the existing ‘fit and proper person’ check performed by NOPSEMA has been comprehensively fulfilled. 
Proposal:
Establish a Decommissioning Licence for contractors under the OPGGS Act Regulations, requiring:
•	A minimum of 10 years of experience in the Australian offshore industry.
•	Demonstrable Australian operations with local workers.
•	A clean safety and environmental compliance record.
This licensing regime would ensure that only highly experienced and reputable companies undertake decommissioning, maintaining safety and environmental standards.
3. Introduce a Decommissioning Work Card for Workers
To ensure offshore workers are adequately experienced and their qualifications verified, we propose the introduction of a Decommissioning Work Card administered by NOPSEMA.
Key Features:
•	The Work Card validates a worker’s minimum of 5 years of experience in the Australian offshore oil and gas industry.
•	Workers would apply to NOPSEMA, which would verify their experience and qualifications.
•	The card would be required for employment in offshore decommissioning projects, ensuring a skilled and competent workforce.
4. Continuous Training and Industry Development
Given the rapidly evolving nature of decommissioning work, ongoing training is essential to uphold safety standards and build industry expertise.
Proposal:
•	Mandate regular refresher courses for offshore workers in high-risk roles, focusing on safety, environmental compliance, and emerging technologies.
•	Partner with Australian educational institutions to develop specialized training programs for decommissioning, fostering a pipeline of skilled professionals.
5. Transition Pathways to the Offshore Renewable Sector
A structured pathway for the existing offshore oil and gas workforce is critical for those with their working life far ahead of them. Policy which secures new industry positions, (specifically for those already with offshore experience on petroleum production or storage offtake facilities, platforms, rigs, or fixed infrastructure). This will deliver certainty for those who have recently commenced oil and gas work, and create a pipeline of skilled and adaptable workers ready to pivot and be deployed where needed most.
Aiming to draw a larger talent pool of offshore workers, job security can be a massive impetus. Consideration should be given to:
•	Transferability of offshore skills to be imbedded in all training settings.
•	Role qualifications to be clearly identified as satisfying requirements for the petroleum AND offshore wind industry.
6. Productivity Benefits of These Reforms
The proposed measures would:
•	Enhance safety standards and reduce the risk of workplace incidents.
•	Build a highly skilled and experienced local workforce, creating long-term economic and employment benefits.
•	Strengthen Australia’s leadership in offshore energy, positioning it as a global hub for expertise in this growing sector.</t>
  </si>
  <si>
    <t>Make the medical device approval the worlds fastest</t>
  </si>
  <si>
    <t>Set the goal for TGA to be the fastest place to approve new MedTech.  The TGA goes a great job at keeping Australia’s medical devices safe, but Australia is a small market and not the top choice for new devices to launch, delaying Australia’s access to new MedTech.  What if we were the fastest place for new MedTech to be approved?</t>
  </si>
  <si>
    <t>The TGA goes a great job at keeping Australia’s medical devices safe, but Australia is a small market and not the top choice for new devices to launch, delaying Australia’s access to new MedTech.  What if we were the fastest place for new MedTech to be approved?
The TGA could publish the duration/lead-time of all the MedTech approvals given, how many and the weighted average lead-time for an approval.  It would publish the action plan to reduce the average lead time every year until Australian approvals are consistently the fastest globally.  Approval quality standards would remain the same but waiting time and wasted delay in the process would be targeted, with TGA incentivised to proactively help applicants get their devices into use sooner.  This would reposition Australia from a small/secondary market for MedTech companies, to a proactive and fast high quality jurisdiction that should be first on their list, giving Australians earlier access to new and better devices to improve medical productivity and health outcomes.</t>
  </si>
  <si>
    <t>ACARA to set school assessment.</t>
  </si>
  <si>
    <t>The Australian Curriculum, developed by ACARA, is implemented individually by schools, leading to varied standards across states and schools due to differences in curriculum compliance, lesson lengths, and assessments. Centralised standardised assessments would reduce teacher workloads, ensure fairness, maintain assessment integrity, and provide employers with consistent, reliable information about school leavers' abilities, regardless of location.</t>
  </si>
  <si>
    <t>The Australian Curriculum, written by ACARA, is implemented differently across Australian states and schools. Each state uses its own system, and within Queensland, schools individually develop their curriculum and assessments, determining the type, length, and number of assessments. This decentralised approach continues until Year 10 and, for non-ATAR subjects, to Year 12. These variations result in differences due to:
- Adherence to different versions of ACARA.
- Emphasis on different topics or units.
- Variations in lesson duration, impacting assessment timing.
- Curricula not fully aligned with ACARA standards.
- Assessments not reflecting the chosen ACARA version..
These inconsistencies lead to unfair outcomes for students and increased workloads for teachers. Furthermore, students leaving school may be perceived differently by employers based on the variability of reported abilities.
In Queensland, Senior academic (ATAR) subjects include both external and internal assessments. Internal assessments, created by school teachers, are audited by QCAA and often require revisions. This burdens teachers without significantly improving their skills and compromises assessment objectivity, as teachers both write and mark their own assessments.
Centralised Standardised Assessments
A centralised implementation of standardised assessments aligned with ACARA would resolve these issues. Such assessments could accommodate differing teaching schedules. For instance, schools teaching a unit in Term 1 could use one version, while schools teaching it in Term 2 could use another. This would ensure fairness and maintain assessment integrity.
Likely Benefits
1. Reduced Teacher Workloads By eliminating the repetitive task of creating and revising assessments, teachers could focus more on teaching. This would reduce stress and improve teacher retention.
2. Fairness Across Schools and States Students in schools with fewer resources or teacher shortages would no longer face disadvantages. Centralised assessments would provide an equitable benchmark for students across all schools and states.
3. Maintaining Assessment Integrity A centralised approach would ensure assessments are consistent and secure. This would improve public trust in school outcomes, benefiting parents, students, and communities.
4. Improved Academic Standards Aligning assessments with curricula enhances their relevance and validity. This ensures students are tested on what they have learned, supporting better educational outcomes.
5. Consistency for Employers Centralised assessments would provide employers with a clear and consistent understanding of a school leaver’s abilities, regardless of where they studied. This ensures reported student achievements align with actual competencies, improving workforce readiness.
6. Identifying Systemic Issues Centralised assessments would enable the identification of trends or challenges in teaching and learning across schools and states. Data collected from these assessments could inform policies to address gaps effectively.
Existing Models and Future Implications
Queensland’s external assessment model for ATAR subjects demonstrates the benefits of centralisation. Expanding this approach to all year levels and subjects would streamline processes, improve fairness, and reduce teacher workloads. It would also align assessment practices across states, benefiting students, educators, and employers while supporting consistent reporting of student abilities nationwide.</t>
  </si>
  <si>
    <t>No means no, except at schools...</t>
  </si>
  <si>
    <t>Relevant policies need to be applied that ensure teaching pedagogy focuses solely on teaching content and curriculum, leaving the enforcement of established rules and expectations to separate management structures. This approach enhances teaching outcomes, simplifies rule enforcement, improves teacher conditions, supports retention, and reduces unnecessary management layers addressing repetitive behaviours.</t>
  </si>
  <si>
    <t>Modern teaching pedagogy has extended beyond its original focus on delivering curriculum, delving into rule enforcement and behaviour management. While critical thinking is essential for academic subjects, applying it to long-standing rules—such as adhering to classroom or workplace norms—introduces inefficiencies. For instance, students questioning expectations like putting phones away, picking up litter, or being prepared for class undermines both learning time and teacher productivity.
This shift has resulted in teachers repeatedly addressing basic expectations, even with students capable of understanding and following them. This drains teachers’ energy, reduces instructional time, and leaves students unprepared for workplaces where adherence to rules is essential. Teachers often feel unsupported, as management may prioritise appeasing students or parents rather than upholding consistent expectations.
Employers frequently report challenges with new recruits lacking basic compliance skills. Behaviours such as questioning safety protocols or workplace rules stem from years of exposure to school environments where rule enforcement was negotiable. This pattern erodes productivity and workplace readiness, highlighting the need for reform.
The Government must redefine the role of teaching pedagogy, limiting it to academic teaching and learning, while delegating rule enforcement to separate management structures. Schools need a standardised approach to rules, ensuring students cannot selectively ignore them without facing consequences. This change would allow teachers to focus on their primary responsibilities and improve educational outcomes.
Currently, behaviour management systems in schools often depend on student participation. A student can refuse detention or other corrective measures, creating a cycle of noncompliance. Furthermore, schools often lack mechanisms to enforce rules for unwilling students, regardless of whether they are within or outside their catchment area, beyond the option of excluding the student from the school—an action contingent on catchment policies and one that may not provide corrective education.
The use of student behaviour as a key performance indicator (KPI) for teachers and managers discourages consistent rule enforcement. Concerns over negative feedback often lead to under-reporting behavioural issues, further complicating rule enforcement. A Federal Government-enforced, uniform policy would eliminate inconsistencies across schools, ensuring that rules are upheld universally and without bias.
Standardising rule enforcement would also provide societal benefits. Parents would be less inclined to seek enrolment in schools outside their local areas, reducing road congestion during school days and improving transport efficiency. Additionally, uniformity in expectations would simplify school operations, reduce management burdens, and create a more disciplined learning environment.
A corrective policy that reinforces established rules within schools would foster a generation of disciplined, productive, and workforce-ready individuals. Ensuring that “no means no” within the educational system provides a consistent framework that empowers both teachers and students, creating a foundation for long-term societal and professional success.</t>
  </si>
  <si>
    <t>Establishing an SBA style small business government agency</t>
  </si>
  <si>
    <t>The establishment of a national Australian small business agency to support the growth and sustainability of the nation’s economically vital small and medium-size enterprises (SME) sector.</t>
  </si>
  <si>
    <t>Created in 1953, the US Small Business Administration (SBA) agency (sba.gov) helps ‘small business owners and entrepreneurs pursue the American dream’. It is the only Cabinet-level federal agency fully dedicated to small business and provides counselling, capital, and contracting expertise as the nation’s only go-to resource and voice for small businesses. Its resources for small business are extensive, providing business guides, funding programs (loans, investment capital, disaster assistance, grants, surety bonds), federal contracting, a learning platform, and advocacy. There is also local assistance – contracting, access to capital, export and trade assistance, resource partners and so on.
Its strategic goals include ensuring equitable and customer-centric design and delivery of programs to support small businesses and innovative startups, and specifically, to ‘build a thriving national innovation ecosystem that promotes investments in all small business communities’.
A ‘one-stop shop’ agency modeled on the SBA could potentially improve productivity by providing a range of support services tailored to small business, such as the following, from a single central source.
•	Access to capital
•	Business development support
•	Access to markets
•	Technology and innovation support
•	Regulatory assistance
•	Disaster recovery.
A range of Australian agencies undertake many of these functions, although perhaps not as extensively and not in one place. Despite the support provided by agencies such as the Australian Small Business and Family Enterprise Ombudsman (ASBFEO) and the state based small business commissioners, there is still confusion and complexity in the Australian system.
Bringing these functions and resources into one agency would be of benefit to small business and consumers, making it significantly easier to navigate the plethora of government support.</t>
  </si>
  <si>
    <t>Superannuation money into VC</t>
  </si>
  <si>
    <t>Superannuation savings are a huge pot of capital, very little is currently invested into innovation or startups - require a small allocation is earmarked to small VC funds to accelerate productivity growth via Startups.</t>
  </si>
  <si>
    <t>Innovative startups require more capital.  The VC sector in Australia receives only a small share of the superannuation capital, much of which is invested overseas.  Suggest 1% of superannuation funds in Australia are required to be invested into Australian ESVCLP (Early Stage Ventures Capital Limited Partnerships) that are smaller than $100M assets under management (to avoid too much concentration in capital provision).  These funds will need to be invested by the Venture Capital funds into Australian based Startups, preventing the best companies from having to move themselves to other countries to find enough capital funding.  More capital into early stage startups will accelerate innovation and productivity growth.  The super funds will seek the highest returning VC’s, and the VC’s will seek the highest returning investments, delivering good returns for the investors and much greater competition to fund the best startups in Australia.</t>
  </si>
  <si>
    <t>Corporate Concentration Innovation Levy</t>
  </si>
  <si>
    <t>Australia has very high concentrations in many industries, stifling completion and incentives to innovate, slowing productivity growth.  Concentrated sectors should pay an industry levy to fund new entrants/initiatives in increase competition and drive productivity growth.</t>
  </si>
  <si>
    <t>Australia has highly concentrated industries, which can decrease competition and can reduce pressure to innovate or adopt new technologies, which decreases productivity growth.  Instead currently regulation and legislation are used to try to push oligopolistic incumbents to deliver desireable outcomes of innovation and productivity growth.  Usually, concentrated industry incumbents will try to maximise profits and dividends from current scrutiny, instead of increasing productivity and innovation.  The suggestion is that any industry with a Herfindahl-Hirschmann Index (HHI) of more than 2500 should be subject to a 1% industry levy on revenues over $10M, the funds would be used by an independent industry administrator to fund innovation to increase industry productivity, new market entrants or any other proposal that would decrease concentration until the HHI decreased below 2500 once more and the economy once again sees the benefit of competition in driving productivity growth.  Agriculture/horticulture sectors often have such industry Levy’s and industry bodies (for R&amp;D, export promotion and marketing), which shows this approach is achievable in other sectors.</t>
  </si>
  <si>
    <t>Flexible Content Delivery Based on Student Ability</t>
  </si>
  <si>
    <t>Flexible, level-based content delivery allows students to learn at their own pace and level, regardless of year level. Centralised, online teaching resources would enable tailored education, supporting both struggling and advanced learners, with teachers providing guidance and feedback.</t>
  </si>
  <si>
    <t>Education should adapt to the diverse needs of students, particularly those who excel in certain subjects or struggle to meet grade-level expectations. A Year 9 class, for example, might include students ready for Year 10 content alongside peers who are still mastering Year 4-level skills. Expecting all students to complete the same work and assessments creates unnecessary barriers to learning. Instead, students should be allowed to progress through subjects at levels suited to their capabilities.
The Australian Curriculum, Assessment and Reporting Authority (ACARA) could support this by providing a comprehensive online program offering content across all subjects and levels, accessable to all students. Such a system would enable students to undertake lessons and assessments appropriate to their specific needs, ensuring that both struggling and advanced learners receive equitable educational opportunities.
This centralised system would not replace teachers but would enhance their ability to provide personalised support. COVID-19 lockdowns demonstrated the importance of teacher involvement in addressing misunderstandings, identifying gaps, and offering feedback. Teachers would remain integral to the educational process, acting as facilitators and guides rather than solely content deliverers.
Moreover, flexible content delivery benefits not only students but also parents and employers. Parents gain the freedom to relocate without disrupting their child’s education, while employers benefit from a workforce better prepared for industry and training. Schools in remote or disadvantaged areas, where subject-specific teachers may be scarce, could also deliver higher-quality education through these resources.
This model addresses the challenges of time constraints and resource limitations faced by teachers. It empowers students to take ownership of their learning, fosters individual growth, and promotes educational equity across Australia. By adopting flexible content delivery, the education system can ensure all students are supported to reach their potential, regardless of starting point or circumstances.</t>
  </si>
  <si>
    <t>Accelerating infrastructure digitalisation to improve productivity in the entire infrastructure lifecycle</t>
  </si>
  <si>
    <t>Infrastructure NSW is pleased to contribute to the Productivity Commission's call for policy ideas aimed at enhancing national productivity. Our submission focuses on Accelerating infrastructure digitalisation to improve productivity in the entire infrastructure lifecycle.
Policy idea:
The construction sector is a significant portion of the Australian economy &amp; workforce and public infrastructure investment plays a substantial role in driving this demand. The productivity of public infrastructure is crucial to Australia's economic output; however, productivity across the construction sector has remained stagnant for several decades. The sector is also facing macro-economic challenges such as structural labour shortages, rising materials &amp; capital costs, and supply chain constraints.
Accelerating digitalisation—defined as the adoption of digital processes, systems, and technologies across the built infrastructure lifecycle, along with the adoption of best practice data management— will drive productivity across public infrastructure and the wider construction sector.
Policy Context:
Our policies and initiatives expedite the adoption of digital processes, systems, and technologies across the entire public infrastructure lifecycle (see the NSW Roadmap for digitalising infrastructure - https://www.infrastructure.nsw.gov.au/media/zdqjtium/nsw-roadmap-for-digitalising-infrastructure.pdf). This approach aims to significantly enhance productivity, sustainability, social outcomes, and service levels.
This is reflected in the recently released NSW Government Principles for Partnership with the Construction Industry (the Principles - see https://www.infrastructure.nsw.gov.au/media/dhhftdcw/nsw-gov-principles-for-partnership-construction-industry.pdf). The Principles seek to address current sector challenges while encouraging improved collaboration between government and the construction industry, and one of the principles is to boost productivity in the construction sector. The document includes specific commitments from the NSW Government and expectations of industry partners.</t>
  </si>
  <si>
    <t>Policy Benefits:
Driving infrastructure digitalisation and best practice data management practices across the public infrastructure lifecycle can
-	Enhance the efficiency of information and material usage by ensuring data reliability, security, and interoperability.
-	Expedite project delivery and mitigate risks related to safety, cost, and schedule.
-	Improve decision-making quality and timeliness, leading to better service, social, and sustainability outcomes.
-	Boost workforce productivity through emerging technologies like AI, automation, modular construction, and robotics.
Policy reform to drive digitalisation and data management across built infrastructure will enable the governments to achieve more, in a sector where productivity continues to decline. 
Policy requirements:
Whole of Government policies are essential to drive the adoption of digital practices and data management for public investment into built infrastructure.  Government agencies are to:
-	Implement infrastructure digitalisation governance, frameworks, and strategies across the built infrastructure lifecycle.
-	Establish common data environments (CDE) and best practice data management standards.
-	Develop digital-ready procurement practices and contracts.
-	Invest in supporting technologies and collaborate with educational partners to enhance digital infrastructure capabilities within the workforce.
Laying the groundwork for collaboration opportunities:
Beyond governments, we recognise that the construction sector operates across borders. 
There is growing domestic and international momentum to establish enabling environments and coordinated approaches for the digitalisation and data management of built infrastructure. 
Better coordination of infrastructure digitalisation approaches across Australian governments, with input from industry and academia, will streamline procurement and reduce risks, easing industry capacity constraints. 
As NSW government continues to invest in infrastructure to support future demand, we will work with industry to encourage innovation and adoption of new technologies, which in turn would provide long term productivity gains for the sector.
Our policy idea aligns with the following Productivity Commission topics:
1.	Creating a dynamic and resilient economy
Digital transformation will foster innovation, entrepreneurship, and competition in the construction sector.
2.	Building a more skilled and adaptable workforce
Investing in digital capabilities will enhance workforce mobility, productivity, and attract new talent.
3.	Harnessing data and digital technology
Digitalisation and data management will enable innovative and effective service delivery.</t>
  </si>
  <si>
    <t>Improving statutory planning frameworks for clean energy assets</t>
  </si>
  <si>
    <t>Bottlenecks in State governments’ planning assessment processes for clean energy assets are hindering the timely delivery of critical renewable energy, storage and transmission projects. Australia risks delaying its transition to a renewable energy grid and falling short of its targets unless planning frameworks are reformed.  
Targeted reforms to improve planning processes would deliver better outcomes for communities, the environment, and clean energy development.</t>
  </si>
  <si>
    <t>All jurisdictions should: 
Clarify and align consultation processes to ensure transparency, consistency, and effective coordination among proponents; 
Coordinate State and Federal government processes for assessing renewable energy projects to eliminate duplication and reduce regulatory burdens; 
Facilitate data sharing for regulators, proponents and operators; 
Streamline interaction with the Commonwealth including for strategic assessments and the treatment of Renewable Energy Zones; and 
Improve understanding of intangible cultural heritage with First Nations People. 
There is a clear need for planning and development reform to reduce project delays and help accelerate States’ energy transitions. These quick wins would support this goal and the path to net zero. 
Two reports commissioned from HSF in 2024 outline useful recommendations for the State governments to implement: 
Planning reform in NSW: https://www.ceig.org.au/wp-content/uploads/2022/07/HSF-CEIG-Report-Delivering-major-clean-energy-projects-in-NSW-14-December-202380.pdf  
Planning reform in QLD and VIC: https://www.ceig.org.au/wp-content/uploads/2024/04/HSF-_-CEIG-Report-Delivering-major-clean-energy-projects-in-QLD-and-VIC.pdf</t>
  </si>
  <si>
    <t>Diffusing incremental innovation</t>
  </si>
  <si>
    <t>In Australia’s small open economy, a connected suite of policy initiatives must together diffuse incremental innovation, from several angles. 
We must:
•	Recognise the role of industry demand as a source of innovation (industry pull)
•	Account for the impact that even small businesses adopting and adapting inventions of others to their own circumstances can achieve. The productivity gains from this diffusion – involving millions of smaller, market-led innovations – are likely to be significant (SMEs)
•	Champion the importance of public research as a critical generator of both incremental and breakthrough innovations of commercial significance (technology push)
•	Build skillsets and environments capable of marshalling new-to-the-world innovations to market (commercialisation)
To this end, a revision of and better connection between established, historic and new innovation initiatives is required, encompassing:
•	Industry driven research collaboration and connections (industry pull)
•	Businesses at several growth stages and sizes including Australia’s all-important SMEs (SMEs)
•	Funding, training and incentives for the advancement of industry relevant public research (technology push) (commercialisation)</t>
  </si>
  <si>
    <t>A program, or suite of initiatives that combine to incentivise (incremental) investment in SME-backed (additive or breakthrough) public research, is a paramount policy initiative to be explored. This may for example be:
•	A fund to back the furthering of a technology or IP, by, through or for an industry-research collaboration/relationship. In addition to financial investment, critical industry-research relationship and project facilitation by experienced persons in industry R&amp;D engagement, is provided.
•	Where the technology or IP is breakthrough, the support extends to commercialisation training and pathway to market coaching for researchers and or industry (and may be provided prior to any financial support).
Incentivising both the pull and the push of industry-research technology developments to foster incremental innovations - whilst still being primed for potential breakthrough technologies, will drive significant unexploited productivity gains.</t>
  </si>
  <si>
    <t>Healthy Buildings = Healthy and Productive People</t>
  </si>
  <si>
    <t>While the benefits of healthy buildings practices have long been established in public health and building science research, recent studies show organisations that make strategic investments in health see strong economic returns. Recent peer review studies have shown that healthy building practices result in a 8% increase in employee performance due to improved air quality. This would have a huge impact on Australia's productivity - and this is only one parameter of a wider healthy building trend. 
More info can be found in this downloadable report - https://www.wellcertified.com/health-pays-back/</t>
  </si>
  <si>
    <t>By helping to boost productivity and well-being, healthy building solutions can yield significant, economy-wide financial gains.
An annual productivity gain of up to $200 billion corresponds to a 20% to 50% reduction in Sick Building Syndrome symptoms for office workers in the U.S.
Higher ventilation rates increase employee productivity from $6,500 to $7,500 per person per year.
Improvements to air quality, thermal comfort and lighting generated a health-related NPV of $2 million in one building over 10 years, which is more than 45 times the energy-related NPV of $44,000 for those same measures.
Every dollar spent on workplace wellness programs can save $3.27 in medical costs.
Workplace health programs led to an average of 24.5% savings in healthcare costs.
WELL Certified buildings report improvements in overall occupant satisfaction by nearly 30%, occupant perceived well-being scores by 26%, reported mental health by 10%, and productivity scores by 10 median points.</t>
  </si>
  <si>
    <t>Cracking down on welfare (business welfare, that is)</t>
  </si>
  <si>
    <t>The many handouts governments provide to businesses in the form of subsidies, concessions, and economic/financial 'rescue' measures should be make conditional upon a cap on senior executive salary packages in any financial year in which the benefit is received.  This will promote more efficient targeting of support, promote equity, and reduce a lot of wasteful rent-seeking behaviours.</t>
  </si>
  <si>
    <t>Every year the Productivity Commission releases its Trade and Assistance Review.  It tallies up all the assistance the Commonwealth Government provides to businesses.  The latest report, released in July, put the total at $15 billion in 2022-23.  This included around $7.2 billion in budgetary assistance such as subsidies and grants, and $7.8 billion in tax concessions.  That’s not even counting State government subsidies and concessions.
The level of assistance declined marginally in 2022-23 as COVID-19 stimulus measures wound down (see figure).  Ominously, however, the Commission warns the level of assistance will trend higher under the Future Made in Australia policy, particularly through tax credits to green hydrogen and critical minerals projects.
Ordinary Australians must have rightly felt miffed when reading about CEOs being granted multi-million dollar salary packages after their companies had received in extensive JobKeeper payments in 2020 and 2021, in come case salary packages close to $10 million after accepting almost $1 billion in payment.  Or when they hear billionaires crying out for government subsidies and tax concessions to support their ventures they argue are massive and historic opportunities for value adding.
As the Commission notes, all these programs distort resource allocation and encourage rent-seeking behaviour, ultimately undermining innovation and productivity. It’s a big budget cost, but actually harms the economy and our standard of living.  And it’s paid for by every-day Australian taxpayers.
While real wages for the average punter have stagnated, there’s been understandable resentment at the growth in pay-packets for top executives, especially for firms that accepted emergency relief associated with the pandemic. There’s also ongoing pressure for budget surpluses to keep downward pressure on inflation and interest rates.  With so many households doing it tough, where can the government make cuts to achieve budget savings?
Here’s my simple solution.
Place as many of these assistance measures as is feasibly possible onto a ‘conditional eligibility’ criterion. The condition is that in any year a business receives those subsidies or tax concessions, CEO and senior executive pay packages, including salaries and bonuses, must be capped at (let’s say) $1 million in that same year.
This should particularly apply to any emergency stimulus or relief packages.
Businesses always mount convincing arguments why they need these subsidies and concessions. The salary cap would help reveal how many businesses really ‘need’ that assistance, and I suspect put an end to a great deal of unproductive, rent-seeking behaviour.
If a company really needs assistance that is ultimately paid for by Australian taxpayers, I don’t reckon they need to be paying their executives million dollar-plus salary packages.</t>
  </si>
  <si>
    <t>Boost construction productivity through increase uptake of new technologies on public infrastructure works</t>
  </si>
  <si>
    <t>Construction is a priority industry for digital transformation. Adoption of new data and digital technologies have been proven to uplift productivity in construction. However, uptake of these tools remains low, with construction productivity growth stagnant for over 30 years.  As major procurers of infrastructure works, Governments have levers to encourage increased uptake of new data and digital tools by construction.</t>
  </si>
  <si>
    <t>New technologies can unlock construction productivity growth – for example digital platforms can streamline construction processes and reduce costs by up to 30%; AI can prevent safety hazards.  Over 50% of industry have not adopted these new tools, hindering its ability to stay competitive. 
The national public infrastructure pipeline stands at $230 million, with further investment from state and territory governments in their own jurisdictions. By encouraging uptake of new tech, governments can deliver better value for money on public works and kickstart construction productivity uplift.</t>
  </si>
  <si>
    <t>Investing in Australian airports for economic growth and seamless connectivity</t>
  </si>
  <si>
    <t>Australian airports are vital economic hubs, supporting $105 billion to GDP annually and 160,000 airport precinct jobs. By modernising border processes, incentivising competition, and improving regional infrastructure, we can enhance productivity and connectivity, ensuring Australia thrives in a dynamic global economy.</t>
  </si>
  <si>
    <t>Australian airports are crucial to the nation’s economic growth, contributing $105 billion annually to GDP and supporting 160,000 airport precinct jobs. With passenger numbers expected to grow to more than 180 million trips by 2040, reducing red tape to facilitate the modernisation of airport infrastructure will be vital to supporting a resilient aviation sector.
Improving governance and regulation
Efficient regulation accelerates infrastructure projects and reduces costs. There is an opportunity to pursue reforms that unlock economic benefits and drive efficiency. 
Raising the Major Development Plan (MDP) monetary threshold to $50 million, indexed to construction costs, will reduce delays and administrative burdens for projects that improve airport capacity and passenger experience.
Allowing early lease renewal discussions for federally leased airports (FLAs) at the 25-year mark, rather than the 40-year mark, would provide certainty for investors, encouraging timely infrastructure planning and development.
The Airport Building Controller (ABC) should be reformed to allow airports to engage their own building surveyor to issue building permits in accordance with the National Construction Code. The ABC should be resourced according to airport capital investment programs to enable it to provide timely service to airports and facilitate improvements to the customer experience.
Establishing a Cross-Agency Aviation Taskforce to align efforts across key organisations such as Airservices Australia, the Civil Aviation Safety Authority (CASA), and the Australian Border Force will streamline decision-making and address sector challenges effectively.
Seamless travel and modern borders
Seamless travel is key to maintaining Australia’s status as a preferred destination. Digitising border processes, such as introducing advanced biometrics, expanding SmartGates, and streamlining international-domestic transfers—will create a faster, hassle-free experience. Allocating 5% of the Passenger Movement Charge to fund these upgrades is a cost-effective way to improve passenger flow ahead of major global events, including the 2032 Brisbane Olympics and Paralympics.
Enhancing competition for lower costs
Domestic aviation competition is highly concentrated, with Qantas Group and Virgin Australia controlling 98% of the market. Increased competition leads to better prices and services for consumers. For instance, Rex Airlines' entry into the Melbourne-Perth route resulted in airfare reductions of up to 40%. To foster competition, the Australian government should incentivise new domestic market entrants and further liberalise bilateral air service agreements.
Strengthening regional aviation
Regional airports are vital to economic growth, enabling access to essential services, business opportunities, and regional development. Investing $50 million annually in infrastructure upgrades and safety improvements through targeted programs will strengthen these critical hubs, improve connectivity, and drive productivity in regional economies. Establishing long-term funding for aviation security screening will also ensure these airports remain accessible and support resilient local communities.
Sustainable and net zero aviation
Australia is uniquely positioned to establish a domestic Sustainable Aviation Fuel (SAF) industry, reducing emissions and driving local investment in clean energy. Targeted policies, such as blend mandates and capital grants, are essential to build onshore SAF infrastructure and supply chains. Streamlining airspace operations alongside a domestic SAF industry will further cut emissions and cement Australia’s leadership in sustainable aviation.</t>
  </si>
  <si>
    <t>Small Business Digital Transformation</t>
  </si>
  <si>
    <t>Australia must prioritise digital transformation to unlock its economic potential. This means investing in government-led adoption of digital tools and processes  to transform service delivery, create seamless experiences for citizens, and empower the people behind small businesses to thrive.
Small businesses, which make up 98% of Australia’s economy, are not just businesses—they are people. Policies that improve access to affordable digital tools support digital record-keeping, and encourage digitalisation, particularly for those at the start of their journey, as well as those embedding more advanced ambitions into their operations. These tools not only enhance compliance, productivity and efficiency but also free up time for business owners to focus on their people—customers, employees, and their own growth.
A focus on digital transformation that prioritises both people and technology will create a virtuous cycle of growth, innovation, and resilience, ensuring small businesses remain at the heart of Australia’s economy while driving benefits for the wider community.</t>
  </si>
  <si>
    <t>Incremental improvements in small business digitalisation can deliver big productivity wins. By automating time-consuming manual processes, small businesses can free up hours to focus on growth and innovation. These small efficiencies, when aggregated, represent a powerful boost to Australia’s overall  productivity.
The Australian Government has a unique role to play in boosting productivity in two ways. 
Firstly, by reimagining its own service delivery, including investing in digital tools to streamline compliance processes, reduce manual paperwork, and provide seamless services to businesses will create a ripple effect. Small businesses that can interact efficiently with the government will see significant time savings, allowing them to focus on growth. 
Secondly, by ensuring that there are the regulatory frameworks, policy initiatives and incentives to enable private sector small business digitalisation and innovation that will enable Australia to capitalise on exponential technological growth as an economy. 
Xero recommends that small business digitalisation initiatives address both business operational constraints (e.g. knowledge, time, cost, skills) and business behavioural constraints (e.g. uncertainty, confidence, choice paralysis) in order to realise the desired outcome of business digitalisation, complemented with improvements to the external business environment. Policy interventions to grow small business digitalisation and productivity can be grouped across four broad categories:
1. advice
2. funding
3. skills
4. innovative infrastructure.
In relation to these four policy intervention categories, Xero has looked across successfully digitalised economies, and what policies work in practice. While no single approach would be the appropriate option for every jurisdiction, there are key elements which the most successful economies, such as Singapore and Denmark, have followed: access to advice, public funding, skills enhancement and underpinning infrastructure.
Xero suggests that Australia could learn from Singapore’s example, and implement a comprehensive and holistic digitalisation program for small businesses. This program would address barriers such as time constraints, lack of knowledge, doubt, and cost concerns, and actively encourage small businesses to invest in and adopt digital technologies. The keys to success would be ensuring implementation of a cohesive suite of measures to build the digitalisation of the small business sector, including:
1. continued economy-wide adoption of eInvoicing (drive further uptake to encourage efficiencies, reduce errors and encourage more timely small business payments)
2. a Start Digital programme (to drive digital adoption of new businesses), and 
3. digital tax incentives that target businesses investing in digital technology - both digital infrastructure as well as digital services. These incentives should include:
(i) a permanent instant asset write off  to encourage investment (as opposed to the current policy which is unlikely to  drive any planned or long term capital investment) and
(ii) digital tax rebate for qualifying digital services to encourage cloud business tools adoption (such as cyber and business related digital services).
The next phase of Australia’s productivity journey lies in equipping small businesses with the digital tools and settings to set them up for success to capitalise on current and future technological innovation.</t>
  </si>
  <si>
    <t>A coordinated approach to delivering the clean energy transition and net zero goals</t>
  </si>
  <si>
    <t>Delivering the clean energy transition and achieving Australia’s net zero and renewable energy targets requires coordination of infrastructure planning, sequencing and delivery across Australian governments and infrastructure sectors, as well as ensuring Australia has the right skills to ensure efficient and timely delivery and decarbonising infrastructure and the built environment.</t>
  </si>
  <si>
    <t>Support the energy and net zero transition by establishing: 
1. A national cumulative view of clean energy delivery demands and optimal sequencing of projects to deliver the six-fold increase in investment over the next five years. 
2. A coordinated approach to enabling infrastructure (e.g., ports, transport, water and housing) to support renewable projects and geographically associated economic opportunities (e.g., hydrogen, critical minerals). 
3. Quantified labour and skills demands to deliver a jump in demand from renewables investments, to support workforce preparedness. 
4. Strengthening infrastructure planning and decisions to embed considerations of decarbonisation and climate risk.</t>
  </si>
  <si>
    <t>Using linked data to find quality conditions and outcomes in ECEC</t>
  </si>
  <si>
    <t>Our proposal is to design a linked data project capable of revealing connections between the workforce conditions and quality of delivery (ACECQA), workforce patterns (ECEC workforce census, Human Ability), industrial conditions (Fair Work Commission), workforce wellbeing (Research), and child outcomes (AEDC).
The purpose of this work is to inform the conditions required in system design to deliver and monitor quality at scale and direct investment to things that matter most – that is core conditions for Government to steward through intervention and policy.
This pitch promotes a role for government in actively seeking out and incentivising the conditions that are delivering access, quality and outcomes for Australian children and families.  
If selected, the Front Project will collaborate with university and sector partners to develop the full proposal. 
This idea builds on the argument that workforce conditions are a critical driver for delivering quality outcomes for children.  Conditions that support quality must be understood and reinforced when designing an efficient system.</t>
  </si>
  <si>
    <t>Early childhood education and care contributes to national productivity by improving outcomes for children and enabling labour force participation for parents – particularly mothers. 
Workforce conditions are critical for delivering high quality ECEC. Findings consistently reinforce the need for high levels of skills and knowledge (including qualifications and professional development) along with organisational support to meet the complexity and demands of the work. For example, the Exemplary Early Childhood Educators at Work study used Time Use Diary data along with focus groups and case studies to explore the everyday work of educators, the resources and relationships that support their work, and the knowledge, skills and dispositions that underpin the work. The study identifies a range of conditions that are critical for supporting a sustainable workforce including investing in professional development, creating authentic opportunities for educator agency, providing conditions in the workplace for educators (non-contact time, room meetings, paid staff meetings, flexibility), and growing and sustaining leadership. 
Importantly, high quality ECEC is essential to deliver outcomes for children. A recent study undertaken by Australian Education Research Organisation found that children in services Exceeding the National Quality Standard (NQS)  had consistently lower rates of developmental vulnerability than those in Meeting and Working Towards NQS (or below) services. And that the quality of educational program and practice (Quality Area 1), physical environments (Quality Area 3) and relationships with children (Quality Area 5) most strongly predict children’s development at school entry.
The Front Project examined the impact of a range of industrial instruments and specific workplace conditions under which educators and teachers are employed on quality rating and outcomes for children. The analysis examined how centres delivering great outcomes for children, in the most disadvantaged regions (SEIFA area 1), are employing their staff.  Some of the early hypothesis from this analysis include: 
•	Multi-employer, collective agreements make a difference.  Particularly those that have a history of building and improving conditions.
•	Staffing conditions make a difference to quality.  In particular: planning and assessment time, professional opportunities for career growth and development, and time to support wellbeing (various leave provisions).
•	Child outcomes and the consistency of care are significantly improved when staff turnover is minimised.
•	ECEC providers in high-quality, disadvantaged areas are making intentional employment decisions regarding their staffing practices.
•	Governments and Departments who act as system stewards have the opportunity to contract and fund for staffing conditions and quality.
Recent reports by the Productivity Commission, the Australian Competition and Consumer Commission and Jobs &amp; Skills Australia correlate strong workforce conditions with a high-quality ECEC sector.  
The composition of the market matters – our recent work with Mandala shows how policy promoting market-based approaches has delivered uneven supply and poorer quality in the highest areas of growth.</t>
  </si>
  <si>
    <t>Improve matching in the labour market</t>
  </si>
  <si>
    <t>Establish an ongoing Taskforce to work across State and Federal agencies on the myriad of issues that hinder both the development of the skills and the ability of firms to employ people with the skills that match their requirements. This should advise State and Territory VET incentive programs (replacing their current approaches) on current and emerging skill needs, and schools on how to prepare students for these opportunities. It should provide the list of skills that are best met through migration programs, and require a plan for how to invest in the existing labour force to meet future demands. It should advise on what labour market regulations, including Unfair Dismissal Laws, are hindering firms from hiring and from investing in the in-house training to get the skills they need. It should develop long term incentive programs for firms to train workers and for public sector entities to consider how their training contributes to the skill mix.  It should address lack of recognition of qualifications across jurisdictions, including licencing, and work to reduce the share of the workforce that are overqualified for teh jobs they are doing. It can explore ways to encourage 'life long learning' and test ideas such as individual 'training budgets'.</t>
  </si>
  <si>
    <t>There is a lot of effort that goes into workforce development, but much is uncoordinated. The proposal would be to provide both the expertise and resources to plan at a national level what labour force needs are in the future, and to facilitate easier matching in the labour market. This Taskforce can work with the higher educational institutions, business communities, and unions to provide information that will help them to plan their own investments, including in advocacy. Having a supply of people with the right skills at the right time can increase incentives to invest in more innovative technologies as well as enable firms to meet growing demand, and to provide labour with more opportunities to find good work. The impact on productivity is ongoing, while the savings in reducing: business lobbying over how government funds VET and migration categories; replicative public investments in forecasting skill needs, and legal costs in excess use of unfair dismissal can give a short term boost in efficiency.</t>
  </si>
  <si>
    <t>ENABLING DIGITAL BY DEFAULT - FIVE RECOMMENDATIONS TO TRANSFORM BUILDING, CONSTRUCTION AND INFRASTRUCTURE DELIVERY.</t>
  </si>
  <si>
    <t>Consult Australia’s Enabling Digital by Default paper presents a practical, industry-informed roadmap to seamlessly integrate digital practices across the built environment sector consistently across Australia. To ensure the roadmap was industry-informed and tested with government stakeholders, 
Consult Australia initially produced its 2023 Digital by Default Green Paper, exploring how to boost productivity and maximise infrastructure investment outcomes.  
Consult Australia held more than 100 engagements on the Green Paper with over 50 organisations including government agencies and businesses representing 17,000 digital and delivery professionals. This consultation process revealed the ‘perils’ of a federated approach to digital by default delivery in projects.  
The conversations shaped the five Enabling Digital by Default recommendations harnessing best practices to create an enabling environment that catalyses change:
•	Build a Digital by Default Community of Practice
Establish a nationally endorsed Digital by Default Community of Practice supported by governments, industry and academia to address the challenges of digital transformation. 
By leveraging the expertise and commitment of diverse stakeholders, we can drive the necessary standards and innovations to build momentum and achieve digital by default and do so consistently across jurisdictions.
Endorsement, resourcing, coordination and progress reporting could be facilitated through National Cabinet and the Infrastructure and Transport Ministers Meetings (ITMM). 
•	Invest in the business case for digital technology
Prioritise and invest in the development of business cases that clearly articulate the long-term value and benefits of a digital by default approach. 
Effectively communicating these benefits to decision-makers will encourage investment and support the transition to a digitally integrated infrastructure sector.
•	Harmonise standards and guidance for data and information management
Develop and harmonise technical standards and guidance for data and information management across all jurisdictions and all stages of the asset lifecycle. This should involve a collaborative effort between federal and state governments, industry, and academia that supports data security requirements. 
Establishing unified standards will ensure consistency, improve interoperability, and streamline efforts across sectors.
•	Embed requirements through procurement with an outcome-led approach
Embed 'digital by default' requirements through greater consideration of Collaborative Contract Models that align the interests of all stakeholders and provide flexibility to accommodate digital requirements.
This should include harmonised:  requirements for data ownership, storage, and handover to mitigate risks and ensure smooth transitions between project phases across the project life-cycle.
•	Build capability and skills
Training programs for both public and private sector stakeholders are required to enhance their understanding of digital technologies and their potential benefits. This includes upskilling staff and integrating digital literacy into professional development programs.
Support programs are anticipated to ease higher costs of tendering, training and capital investments. This could include grants, subsidies, or partnerships that reduce financial barriers and build capability.
View Consult Australia's white paper here: https://www.consultaustralia.com.au/home/policy/advocacycampaigns</t>
  </si>
  <si>
    <t>An all-win, no-lose opportunity
Australian governments have committed $647 billion for major public infrastructure over the next five years. Yet, construction productivity lags other sectors, costing an estimated $62 billion annually. Australia ranks 16th globally in digital readiness, according to the IMD World Competitiveness Centre.
Billions of dollars of infrastructure projects around Australia are still being delivered with paper plans, wet signatures and PDFs. The industry needs to change. The consequences of being slow off the digital mark include decades of sluggish productivity and lost data insights that could inform better decisions and build better infrastructure.
Consult Australia’s green paper noted that “pockets” of world-leading digital practice remain siloed, and innovative ideas are not replicated across projects or states. 
The roadmap for digital transformation presented in Consult Australia’s Enabling Digital by default: A White Paper aims to address industry fragmentation, innovation inertia and sluggish productivity.
Businesses in the infrastructure sector are waiting for governments to set standards for digital working. Governments are waiting for market forces to determine the pathway forward. We need everyone to come together, and this can be achieved through Consult Australia’s recommendations.  
Our recommendations build on the 2021 Australian Infrastructure Plan, which recommended a “digital by default” approach to infrastructure planning, delivery and operations. Government, as regulators, owners, funders and benefactors of public infrastructure, can play a lead role in the transition away from ‘digital by exception’ towards ‘digital by default’.
The Australian Government maintains a commitment to a $120 billion 10-year rolling infrastructure pipeline. It makes sense to invest just a fraction of this in each jurisdiction to enable digital by default. Building a community of practice provides a platform for digital champions to share information and best practice and harmonise standards. Australia will not benefit from eight different standards for digital in infrastructure – that would be a repeat of the rail gauge problem that plagued the nation for 150 years. 
Digital by default can help us boost productivity, accelerate innovation and catalyse a range of co-benefits like net zero emissions reduction. Most of all, harnessing digital technology will help us build a better future for people.</t>
  </si>
  <si>
    <t>More efficient and effective care and support services</t>
  </si>
  <si>
    <t>Many of Australia's care and support services are provided through a decentralised approach in which recipients of assistance procure the services they need from the "market". This approach effectively relies on markets and other institutions to facilitate transactions between recipients and providers. Whilst this approach has potentially significant advantages, there are severe impediments to the efficiency and efficacy of these markets/institutions that have been overlooked in the development of schemes such as the NDIS, aged care etc. There is an important opportunity to apply well developed economic ideas and techniques (specifically the field of market/economic design) to resolve/mitigate the obstacles/complexities that otherwise inhibit efficient transactions.</t>
  </si>
  <si>
    <t>There are many types of goods and services needed to manage aging, disability or other conditions. These range from goods that display the characteristics of commodities (e.g., equipment), services that are highly specific to the recipient's condition, location, time requirement etc. For some services, such as personal care, other criteria such as compatibility between recipient and provider will be an important consideration in the transaction. From an economic perspective, Australia's care and support services have not: i) embraced the markets/institutions developed for similar problems in other sectors of the economy to the care and support sector (examples include matching markets where compatibility matters, auctions where price matters, double-sided institutions that harness competition on both sides); ii) applied well understood techniques (specifically auction theory) to address thin market problems that arise when individuals with specific needs/location/timing requirements etc., attempt to transact with service providers with heterogeneous skills/location/time constraints etc.; iii) invested in market maker interventions to resolve coordination and other complexities, mitigate information problems, an reduce other transaction costs; and iv) recognised the inherent problems of choice arising from experience goods. These problem mean that markets will not evolve autonomously (as the do for commodities) - they will need to be designed and nurtured. Significant improvements in economic efficiency can be expected if competition can be harnessed in this sector of the economy through well designed markets/institution and significant improvements in efficacy could be expected from harnessing established ideas used to design matching markets such as those used to design human organ exchanges, university placements etc.</t>
  </si>
  <si>
    <t>Supercharge our supermarkets</t>
  </si>
  <si>
    <t>Australia’s electric vehicle charging infrastructure has slipped from one public charger for every 35 electric cars to one for every 68. This is resulting in highly inefficient use of time for drivers to find and then recharge at scarce stations. 
A program to deploy level 2 chargers to all supermarkets and shopping precincts would make charging infrastructure ubiquitous and highly available for drivers. This would deliver productivity benefits aside from improving availability and accessibility by enabling charging stations to utilise supermarket substation infrastructure and and allow drivers to recharge whilst shopping, increasing the population level productivity.</t>
  </si>
  <si>
    <t>This initiative would ease range anxiety, increase accessibility, benefit supermarkets, and optimise grid use by aligning charging with peak solar generation.
Supermarkets would benefit from increased customer dwell time and the opportunity to offer free charging as an alternative to fuel discounts.
A program to deploy an average of 6 charging stations per supermarket would deliver an additional 25,000 charging points across the country at a total install cost of less than $250 million. Build cost would be recovered over time via charging fees and would also help increase demand for electricity during the middle of the day when prices are low and renewable energy production is high. 
Overall, this would cut lost time spent driving to stations and refueling vehicles while ensuring the build out of electric vehicle charging infrastructure is as efficient and logically located as possible.</t>
  </si>
  <si>
    <t>Value adding Australia’s iron ore production - establishing a green iron export industry</t>
  </si>
  <si>
    <t>Australia is the largest producer of iron ore globally but performs virtually no value adding of the resource onshore.
The shift to a zero carbon future opens up a comparative advantage for Australia to start value adding iron ore into green iron using our abundant renewable energy resources and industrial know how. This would capitalise on existing resources, improve value adding and onshore industrial sophistication and help insulate against the volatile commodity cycle.
Australia has the opportunity to produce green iron to feed the steel mills of key trading partners like Japan, South Korea and Taiwan which are highly energy constrained, and in the process help them achieve their climate targets and reduce global industrial emissions.</t>
  </si>
  <si>
    <t>Iron ore mining, processing, and manufacturing into iron and steel products is extremely emissions intensive. Global steel-making emissions contribute 7-9% of total global emissions in any given year. 
The world must urgently decarbonise and a net zero world will need to have almost completely decarbonised steel production. International steelmakers are already investing in new non-WA supplies of ore (as the bulk of exports from the Pilbara are not compatible with the predominant existing green steel technologies) - this is putting Australia’s largest export industry, in its current form, at risk of collapse. 
The WA iron ore industry requires policy support and targeted investment by the Commonwealth and WA governments to ensure Australia becomes the world’s top green iron producer in the fast-arriving low-emissions economy. 
The Forging Our Future released in December 2024 (https://www.springmountadvisory.com.au/industry ) shows that WA could be producing 122 million tonnes of green iron per year by 2040 and in the process would deliver:
- $380bn in GDP
- $350bn in real income 
- $167bn in Commonwealth and WA state taxation
- a new WA export industry worth $340.2bn ($76bn in exports in 2040)
    24,000 ongoing jobs in WA, with an additional 150,000 construction jobs created over 14 years
These actions will simultaneously drive down emissions from Australia’s and our region’s steel industry - with a reduction of 274 MtCO2-e of emissions per annum in 2040, equivalent to half of Australia’s annual national emissions.
Governments alongside industry and workers can apply the lessons of how rapid industrialisation has been achieved in the past. The report sets out requirements needed to build a green iron industry in WA quickly:</t>
  </si>
  <si>
    <t>CRIMP (Cost Reduction Initiative for Major Projects)</t>
  </si>
  <si>
    <t>In the 1990s in the UK, the North Sea Oil and Gas Industry implemented a productivity improvement and cost reduction initiative called CRINE (Cost Reduction Initiative for the New Era).  It had the objective of reducing the capital cost of future oil and gas projects by 30%.  The initiative involved multi sector participants from all aspects of the oil and gas industry.  The initiative and its successes are well reported.  Compared to CRINE, Australia has one of the least competitive construction industries in the world with poor, declining productivity.   This is despite most of our major contractors actually being subsidiaries of overseas owned multi-national construction companies.  CRIMP is proposed to be a multi sector cost reduction initiative involving all stakeholders in the major projects industry: government (federal, state and local), private developers, major contractors, suppliers, unions and financiers.  CRIMP would include cost reduction targets, standardised objectives and multi stakeholder working groups working towards those objectives,  Prior productivity enquiries in this space have failed because of vested interests who believe they do not benefit from cost reduction and a failure by governments and the private sector to implement any changes.  Major Projects in Australia are beset with cost overruns and delays, with the cost ultimately borne by taxpayers or private principals (for whom a cost overrun can result in them going out of business, the loss then being borne by investors or financiers).  The cost overruns are resulting in poor value for money and lack of cost certainty has caused a drop in the private finance market in Australia because the risks of cost overruns are real and too great for financiers to bear.  A broad based multi sector enquiry with specific cost reduction targets and objectives is needed.  This is what is proposed with CRIMP.</t>
  </si>
  <si>
    <t>CRIMP would improve productivity through a multi sector taskforce implementing a determined set of objectives.  Those objectives might include (1) a specific, agreed, cost reduction target for major projects and measurement of future major projects against the target (2) maximise standardisation (3) maximise modularisation / off site work (4) improved planning and cost estimating including reference class forecasting against similar projects overseas and benchmarking of completed projects against projects overseas (5) standardisation and simplification of building codes and laws (6) standardisation of building contracts across federal, state, local government and private sector, based in either a new set of Australian Standards Contracts or FIDIC Contracts (7) a long lead, well planned,  pipeline of future major project work (for example, when building a tunnel, the next tunnel should be planned, costed and approved concurrently, to start when the current tunnel being constructed is finished to maintain industry continuity, skill retention and employment)  (8) improve site investigations and route analysis to minimise clashes with existing infrastructure and traffic (i.e. more greenfield development and sites outside the current urban fabric or brownfield sites) (9) improving the quality and supply of land for development by an authority which actively investigates all urban vacant land or redevelopment sites and links the owners (including government and the non-profit sector) with developers (both public and private) to discourage idle land use or land banking  (10) change the culture of all participants in the construction industry to best for project with accountability for non best for project behaviours (11) an objective of reducing the ratio of off site overheard (white collar participants in the construction industry) to on site overhead (blue collar workers (whose labour productivity actually results in built work rather than simply wasted sunk costs)  (12) financial incentives to reward cost reduction, quality and efficiency rather than rewarding cost overuns, defects, inefficiency and delay.  The likely benefits of CRIMP include increasing infrastructure and development by stretching the public purse to enable more projects to be built for the same money or actually reducing budget deficit spending, increased housing supply, encouraging more private capital investment (by decreasing costs and cost uncertainty and increasing returns on investment).  Longer term job creation based on jobs justified by efficiency rather than poor productivity and behaviours not best for project.  Improving safety by reducing on site work and work under traffic.</t>
  </si>
  <si>
    <t>Accelerate electrification of industry to improve manufacturing productivity and competitiveness</t>
  </si>
  <si>
    <t>Electrifying industrial and manufacturing processes that use gas as a feedstock would improve resource productivity and improve competitiveness of Australia’s manufacturing and industrial sectors.  
Supporting industry to electrify  would insulate production from volatile gas prices and help reduce inefficient gas based processes and position Australian firms to compete in a low emissions future.
The tripling of wholesale prices for East Coast gas users in the past decade is negatively  impacting on the competitiveness and productivity of manufacturers and industry and is resulting in industry closures and the loss of hundreds of jobs. 
Electrical processes are significantly more efficient on a PJ input to output ratio compared to gas and uses abundant electrical energy rather than increasingly scarce fossil gas resources.
The following recommendations can enable gas use to be more effectively:
Electrify the LNG sector  
Electrify low heat industries such as food and beverage manufacturing 
Provide upfront capital support to help industries overcome the initial capex hurdle required for electrification of gas processes</t>
  </si>
  <si>
    <t>Industries or equipment that can electrified have several benefits:
Electrical equipment is more efficient, on average 20% more efficient for industry, increasing output for manufacturing 
Using electricity is likely to be a lower energy cost over the long term, especially if using onsite renewable energy such as solar PV
Electrifying industries that currently can be, enables gas to be available for industries with a longer run-a-way to technological decarbonisation 
Electrification of LNG has been demonstrated to increase net production by over 6.5% (Texas -Freeport)
The Turning Down the Gas report launched in December details the efficiency ratios and potential gas and cost saving opportunities for the manufacturing and industrial sectors to ensure they improve productivity and competitiveness in a low carbon future. https://www.amwu.org.au/turning_down_the_gas_report</t>
  </si>
  <si>
    <t>Home energy upgrades of low-income homes</t>
  </si>
  <si>
    <t>A resilient economy needs a healthy, productive population living in climate safe homes. Most Australian homes, especially for lower income groups, are hot in summer, cold in winter and expensive to run - this can lead to hospitalisation or people going without food/medical care to pay energy bills and higher demand on finite health care resources.
Home energy upgrades improve energy productivity while cutting bills, reducing emissions, and improving population health.</t>
  </si>
  <si>
    <t>A dynamic and resilient economy needs a productive population. Housing affordability, quality and amenity all affect the health, economic, social and cultural participation of the population and the productivity of the nation.
Urban productivity is measured at the city rather than household level, but this dependent on human health and productivity which is directly correlated to average household quality. Most Australian homes are too hot in the summer, too cold in the winter, and expensive to run. Our homes are not built to withstand more extreme temperatures and people on low incomes and renters are too often living in homes that reach over 45 degrees indoors in the summer. 
Direct investment at scale in home energy upgrades, in particular for  low-income groups, to improve the energy performance, reduce costs, improve health and productivity and cut emissions. Simple measures such as better insulation, draught reduction, window shades, and solar panels can significantly improve homes and the productivity of people living in them. Key benefits of these upgrades were detailed by ACOSS in 2024 (see https://www.fairfastclimateaction.org.au/the_benefits_of_home_energy_upgrades).
In the commercial building sector, improved building standards have helped drive productivity improvement of 10% and more in high performing buildings. Apply a concerted effort to upgrade households will likely yield similar population level productivity gains through better health and reduced illness.</t>
  </si>
  <si>
    <t>Biosecurity risk Insurance</t>
  </si>
  <si>
    <t>Australia's biosecurity system is costly, funded by taxpayers, and managed through the perspective of technical risks. It largely ignores the problem that most (but not all) biosecurity problems arise from human behaviour. Research completed by the Centre for Market Design, Centre for Actuarial Studies and Centre of Excellence for Biosecurity Risk Assessment has demonstrated that many (not all) biosecurity risks are insurable and that it is possible to design a mechanism that addresses adverse selection and moral hazard problems. This idea has been demonstrated in the biofouling domain of biosecurity in which a methodology to actuarially price biosecurity risk has been developed, premiums estimated and the information and incentive problems relevant to adverse selection have been addressed. Initial results (using realistic information) suggests significant economic efficiency gains, reduced overall cost to vessel operators (importers more generally) and importantly would mean that risk creators (importers) fund the biosecurity system - not taxpayers. This mechanism could be implemented as either a compulsory actuarially priced levy on risk creators or as a government managed biosecurity risk insurance scheme (in this context these are the same mechanism).</t>
  </si>
  <si>
    <t>Based on indicative data, productivity benefits from an actuarial approach to biosecurity arise from three sources: i) the incentive effects that arise from risk creators because risk rating creates an incentive for importers/shipping operators/inbound passengers to reduce biosecurity risk; ii) actuarial pricing of biosecurity risk leads to an efficient level of biosecurity protection compared with the current "appropriate" level of protection based on technical criteria; and iii) an indirect productivity benefit that arises from reduced demand on public funds.  A published paper and Final Report are available should the PC wish to investigate this idea in more detail.</t>
  </si>
  <si>
    <t>Rebuilding our soils into healthy living organisms for long term food security from paddock to plate.</t>
  </si>
  <si>
    <t>Background on the need for change in soil management:
-  United Nations declared 2015 the 'Year of the Soil' - highlighting the urgency of sustainable soil management.
- Soil Productivity Concerns - predictions indicate significant global soil degradation by the 2060s without intervention.
- Legislative Actions: Governments worldwide, led by China and now followed by the EU and Canada, are legislating reductions in synthetic fertiliser use.
- Paris Agreement / COP: Focuses on achieving government climate change objectives - healthy living soils store carbon and water.
The Australian Government needs to legislate the reduction in synthetic fertiliser use over a long term transition, whilst supporting farmers through the transition and ensuring adequate, cost-effective supply of alternative bio fertilisers with similar crop yield and cost per hectare performance for farmers over a 10 year period.</t>
  </si>
  <si>
    <t>ABC News Wednesday January 1, 2025
"Soil degradation threatens food supply and scientists are calling for action
In short:
- 40 per cent of the world's soil is already degraded, but the problem could get much worse.
- A new global think tank is warning soil degradation is increasing and threatening food security and biodiversity.
What's next?
- Researchers want global action and say there are solutions if governments focus on the problem.
Soil is like the earth's skin — a protective layer that makes up a complex ecosystem. 
That skin, which supports all life on Earth, is under threat, with scientists from a new global think tank warning 90 per cent of the planet's soil could be degraded by 2050 unless urgent action is taken.
"If we don't fix it, the planet will cease to function and humanity will be in trouble" Professor Alex McBratney from the University of Sydney's Institute of Agriculture said."
Note the predicted timeframe is shortening regarding soil degradation from the UN announcement in 2015 to the ABC article this year.
This transition to healthy living soils will sustainably support a major source of employment in regional Australia and a major export activity for the next generations, whilst supporting the net zero transformation.</t>
  </si>
  <si>
    <t>Unleashing productivity through digital infrastructure investment by removing deployment roadblocks</t>
  </si>
  <si>
    <t>Digital infrastructure is the foundation of the modern economy and a key driver of productivity – but roadblocks to digital infrastructure deployments threaten to undermine potential productivity gains.
The Productivity Commission should establish an inquiry into barriers to digital infrastructure deployment, with the objective of identifying reforms to harmonise Commonwealth, State and Territory, and local laws to reduce roadblocks to the deployment of telecommunications networks.</t>
  </si>
  <si>
    <t>The Commonwealth Government has the stated objective of making Australia ‘the most connected continent on earth’ – yet digital infrastructure investors are consistently hamstrung by prohibitive planning laws that actively disincentivise network deployment. 
For example, one mobile network site funded under the Mobile Black Spot Program has been stuck in planning since 2015, seven sites have been in planning since 2019, and the application process just to connect power to some sites has taken more than two and a half years. 
Similarly, major long-haul fibre-optic network deployments have faced significant delays and cost increases due to unpredictable roadblocks in planning processes, exacerbated by unclear and duplicative responsibilities between Commonwealth, State, and local Government departments and agencies.
Telcos should have clear, legislated land access rights to build the digital infrastructure Australia needs. But the ‘Carrier Powers and Immunities’ framework established under Schedule 3 of the Telecommunications Act 1997 has consistently seen its legal powers diminished under the weight of State-based land access rules, environmental approvals, and heritage laws which are duplicative and inconsistent. Additionally, the legitimate legal rights of Traditional Owners groups over land access arrangements are complicated by unclear and inconsistent legislation, often resulting in open-ended consultation processes which lack established timeframes to conclude agreements.
Digital infrastructure is ‘critical infrastructure’, yet deploying and upgrading this infrastructure is increasingly difficult. Telecoms infrastructure deployments are not granted the same exemptions from planning rules as other utilities that are typically subject to State legislation, rather than Commonwealth. As a result, telcos are subject to many of the same regulatory burdens as other ‘essential services’ – but are not afforded any of the same benefits when it comes to deployment.
Telecoms networks are only treated as ‘critical’ when they are impacted by outages – but not when they need to be built. 
This inquiry should be supported by, or lead to the establishment of, a review by the Department of Infrastructure, Transport, Regional Development, Communications and the Arts with input from State and Territory counterparts. This process should include – but not be limited to – a review of the existing Carrier Powers and Immunities framework, with a broad scope to investigate how this framework interacts with State, Territory, and local Government laws related to land access, environmental, planning, heritage, and Traditional Owners’ land rights.
These processes should result in a reform roadmap to address the myriad inconsistent planning requirements for digital infrastructure deployments, including Commonwealth and State/Territory environmental approvals, heritage approvals, applications for power connections (and requirements for backup power), native title issues, and any other required approval processes which prevent the timely deployment of critical telecommunications infrastructure.
Ultimately, these processes should result in a submission to National Cabinet where agreement is sought to harmonise laws across Australia that enables the more efficient rollout of telecommunications infrastructure. 
Clear and harmonised rules allowing for the efficient rollout of digital infrastructure would ultimately benefit Australia’s productivity, by unleashing greater data capacity on more competitive network infrastructure. This would result in Australia’s data networks being more resilient, again benefitting Australia’s productivity by reducing outages and increasing network uptime.</t>
  </si>
  <si>
    <t>League Table for Rates of University Spinout Company</t>
  </si>
  <si>
    <t>Australia’s universities are excellent, but public funding leads to small numbers of startup company formation and hence little productivity improvement/value creation as innovations are stuck inside uni’s.</t>
  </si>
  <si>
    <t>Require all organisations that receive government funding to include the number of new starts that have formed using their IP each year.  Publish the numbers and celebrate the best performing institutions.  IP licensing and startup formation are core ways innovation enters the economy to boost productivity, but rates of this in Australia are low compared to rival companies.  Let’s measure and publish this simple statistic to celebrate the institution’s that are doing this best in Aus and learn lessons from them in order to spread best practice and deliver productivity growth in Australia from our University funding.</t>
  </si>
  <si>
    <t>Mandate government vehicles must be EV’s</t>
  </si>
  <si>
    <t>Require all new government cars/light vehicles purchased are electric vehicles (EV’s) to harness the cost efficiency and savings EV’s bring, boost supply of second hand vehicles and demand for charging infractucture.</t>
  </si>
  <si>
    <t>EV’s are more efficient than fossil fuel cars, and offer considerable maintenance savings (eg 30%!).  The Australian government should mandate all new vehicle purchases should be electric to access the savings for the public.  Exceptions could be given in rare circumstances where an internal combustion vehicle is the only option).  Increase in the number of EV’s being bought in Aus will stimulate supply, and accelerate the provision of chargers, lower emissions, lower particulate pollution from burned fuel to improve public health, decrease running costs and Australia vulnerability/dependence on global fossil fuel supply chains/oil prices.  Vehicles from the government fleet are sold into the second hand market and this would boost EV supply nationally,   For extra stimulation of EV supply/infrastructure in Aus require all government vehicle hire to be EV’s by default.</t>
  </si>
  <si>
    <t>Digital Platform regulation in the care economy</t>
  </si>
  <si>
    <t>Digital 'gig' platforms should be regulated appropriately in the care sector, on an even playing field with other providers.</t>
  </si>
  <si>
    <t>This would prevent a race to the bottom in promoting indirect employment and lowering working conditions and standards to reach the lowest price, along with the risks of atomisation of workers, causing a decrease in quality and productivity. It does not preclude innovation or the ability for digital platforms to provide direct employment and quality supports (HireUp is a good example of this).</t>
  </si>
  <si>
    <t>Tiny houses to help solve housing shortage</t>
  </si>
  <si>
    <t>Productivity can be hindered by lack of housing options, governments in partnership with industry could manufacture tiny houses on wheels, to support a dynamic and resilient economy, with potential benefits to skilled workforce, the care economy and net zero transformation.</t>
  </si>
  <si>
    <t>There are many companies already manufacturing tiny and modular homes in Australia, these businesses could benefit from governments investing in the industry by purchasing tiny homes for the following uses:
•	Temporary housing following natural disasters/pandemics
•	Temporary housing for seasonal workers ie where there is not enough housing for workers eg Apollo Bay peak holiday season
•	Ease housing demand – eg could be leased or purchased by landowners to utilise large suburban land for affordable rentals or independent living for young or ageing family members 
•	Tiny house communities (with zoning rules adjusted)
•	Temporary or permanent housing for people escaping domestic violence.
Potential benefits:
•	Tiny houses could be sold as affordable housing after 5 years to reduce/avoid ongoing maintenance costs. 
•	Boost manufacturing capabilities and encourage skills training in manufacturing 
•	Support the growing modular/prefab housing sector, gov support for new and existing enterprises
•	Can be easily relocated to where the demand is higher – eg regional and remote communities, disaster recovery
•	Can be off-grid with solar power, reducing the need for expensive infrastructure
The current market in tiny houses is growing, there are many existing business including steel framing companies, small and medium scale tiny house builders and Australian made solar companies. 
One way to trial this idea is for governments (either federal or state) to commission an initial 10,000 homes, there are many existing small to medium sized business that could fill these orders, the terms could include using primarily Australian sourced materials.
•	Government can warehouse some tiny homes for emergency housing – eg natural disasters, allowing people to stay in their communities to rebuild.
•	Provide rent-to-buy option for priority groups (e.g. low-income workers, older women, those escaping domestic violence)
•	Lease to regional towns for seasonal workers (either local council or employers) 
•	Lease to general public in suburban areas or regional areas for low-cost rentals or to accommodate family members (eg aged family members who require a lower level of care than an aged care facility) assist aspiring young homeowners to save for a deposit. Older homeowners can downsize by moving into the tiny homes themselves and renting out the main house – allowing them to stay in their communities.</t>
  </si>
  <si>
    <t>Care economy pricing reform</t>
  </si>
  <si>
    <t>Pricing reform would include independent pricing for the care economy including the NDIS and Aged Care, sufficient funding for safe working conditions and true acknowledgement of the cost of labour, such as funding for training and bargaining. A NDIS workforce compact could start as an initial model for the sector (the recent ECE changes in this area are an example of linking funding to pay and conditions)</t>
  </si>
  <si>
    <t>Pricing that truly reflects the costs of good work in the sector will help to increase productivity and innovation and precent a race to the bottom in cutting labour costs.</t>
  </si>
  <si>
    <t>Paid placements and apprenticeships in allied health and the care economy</t>
  </si>
  <si>
    <t>Paid placements for allied health professions in training, and full pay care and support apprenticeships for care workers.</t>
  </si>
  <si>
    <t>This would aid students and trainees in the care economy to learn and earn, avoiding placement poverty or the need to lose income whilst taking a TAFE course. This would lift the rates of completion for these courses, reduce student debt and increase the numbers of workers entering the sector. This would increase productivity by increasing the efficiency of investment in training and workforce entry.</t>
  </si>
  <si>
    <t>12 days reproductive leave</t>
  </si>
  <si>
    <t>12 days reproductive leave for all workers. More detail is avialble here: https://reproductivehealthleave.com.au/about/</t>
  </si>
  <si>
    <t>Many care economy workers are female, and are affected by reproductive issues, particularly at certain stages of life. Reproductive leave may improve retention of workers and allow for careers to continue, thus retaining skills and knowledge. A new interim report discusses the potential benefits of reproductive leave to the productivity of the economy at large https://www.theguardian.com/australia-news/2025/jan/13/reproductive-leave-study-australian-workers-period-pain-endometriosis-ivf-menopause-vasectomy#:~:text=Reproductive%20leave%20would%20be%20for,with%20during%20their%20working%20life</t>
  </si>
  <si>
    <t>Addressing the distortionary effects of direct and indirect subsidies to the fossil fuel industry</t>
  </si>
  <si>
    <t>The fossil fuel industry makes significant profits by externalising the true cost of its product - the impacts of climate change - onto the rest of society. This should be addressed by quantifying the cost of carbon and applying that to the fossil fuel industry. Thus addressing the economic distortion of direct and indirect subsidies to the fossil fuel industry, enabling decisions that reflect an accurate value to society, and providing funds to recover from extreme climate events and implement the transition to zero emissions.</t>
  </si>
  <si>
    <t>Quantifying the cost of carbon and applying that to the fossil fuel industry would support a more resilient economy, by securing a new funding source to cope with the economic shocks of a changing climate and increasing extreme weather events, as well as provide funds to invest in the transition to a zero emission economy.
Federal, state and territory governments are increasingly having to allocate budgets to assist communities to recover from disasters caused by climate change. Likewise businesses have been forced to allocate resources to make infrastructure resilient to more extreme climate events. Farmers are bearing the costs of adapting agriculture to address new climatic conditions including worsening droughts and floods. And householders are paying with higher costs in insurance, energy prices, health costs, jobs and incomes impacted, recovery of homes from climate disasters and lives lost. All of these costs detract from other investments. The externalisation of the true costs of fossil fuels - the cost of climate impacts - gives a false impression of benefit to the economy from the fossil fuel industry, whereas on balance the true cost is negative and investments would best be made elsewhere.
Two examples of the cost of extreme climate events contributed in significant part by fossil fuels:
The floods that swept through NSW and south-east Queensland in 2022 cost the economy an estimated $5 billion from lost economic activity, and forced the Australian and state governments to share recovery costs of $7.45 billion. The costs of this climate event were felt by all households as agriculture losses resulted in fruit and vegetable prices increasing by 5.8 percent due to the floods. This major flooding event, and other climate driven extreme events, have led to home insurance costs increasing by 14 percent between 2022 and 2023.
The black summer bushfires of 2019-20 cost farmers up to $5 billion, or 8 percent of agriculture GDP through damage to farm buildings and equipment, a reduction in farmland values, loss of crops and livestock and health impacts from smoke inhalation by farm workers. Black summer bushfires cost the tourism industry $2.8 billion and almost 7,300 jobs disappeared nationwide. Smoke related health costs of the 2019-20 fires are estimated at $1.95 billion, causing 445 deaths.
Perhaps more inexplicable are direct government subsidies to encourage fossil fuel use. Subsidies to fossil fuel producers and major users from Federal and state governments totalled $14.5 billion in 2023–24. Longer term these fossil fuel subsidies are 16 times the balance of Australia’s Disaster Ready Fund. Fossil fuel subsidies redirected to the Disaster Ready Fund would provide a net benefit and a productivity boost for Australia.
The direct and indirect subsidisation of fossil fuels is a distortion of economic drivers and means that decisions are not aligned with the true economic costs of fossil fuels, which are falsely perceived as a benefit to the economy, as their real cost is not fully factored into economic decision making.
Therefore quantifying the social cost of carbon, and applying this cost to the fossil fuel industry to internalise the true costs of their product, would result in economic choices that better reflect value to society. And would provide a source of funds to address the damage that fossil fuels are causing across society, enabling faster recovery from extreme climate events and improving overall productivity.</t>
  </si>
  <si>
    <t>Portable long service leave for the care economy.</t>
  </si>
  <si>
    <t>National Long service leave, similar to the construction industry, that follows the care economy worker across employers within the industry and across states in a harmonised scheme.</t>
  </si>
  <si>
    <t>Multiple states have expanded their long service leave schemes to include care economy workers in recognition of the nature of the industry where workers move employers often, between residential and home care and so on. A harmonised national scheme would be an efficient and easily achievable way to encourage people with service, knowledge and skills in the sector to stay in the sector, an outcome that would increase productivity.</t>
  </si>
  <si>
    <t>Save government over $2.5bn over 10 years by reforming Australia’s outdated Postal and eCommerce parcel delivery regulatory regime.</t>
  </si>
  <si>
    <t>With the growth of online shopping and the decline in use of letters, Australia’s regulatory and CSO framework for postal services is outdated and holding back economic growth.  
This outdated framework is weighing on Australia’s productivity – supressing the development of healthy competition in the parcels market, constraining growth in eCommerce in regional and rural Australia, disincentivising Australia Post to operate as efficiently as possible, and weighing on the Commonwealth Budget.</t>
  </si>
  <si>
    <t>Australia’s regulatory and CSO framework for Postal Services was developed in an era when letters were the majority of Australia Post’s business, yet more than 70% of its revenue is now earned from parcels – a market in which it now holds significant market share and faces limited competition as a national operator.
The current framework contains no mechanisms to ensure Australia Post operates efficiently, nor guardrails to prevent it distorting the competitive parcels market.
The CSO for Letters cost the Federal Budget $889m over the past two years, with Australia Post corporately booking net losses of $289m over the same period.  
Consequently, there is approximately $200m pa in productivity lost within Australia Post alone, not to mention additional productivity improvements to be gained by allowing other carriers to efficiently utilise postal infrastructure to strengthen badly needed competition that would improve efficient access to goods, particularly in regional and rural Australia. 
Australia is lagging our international peers in addressing the legacy postal regulatory model and proactively simulating and protecting competition in parcel delivery services.  
With Parcels now being Australia Post’s main business, Letters contributes less than 20% of its revenue. The combined business is increasingly configured to operate as a Parcels business, with Reserved Letters piggy-backing off Non-Reserved activity cost pools. 
The fixed costs to cover Australia’s geographical dispersion of delivery points should now be considered a fixed cost for the Parcels business, and an incremental/variable cost for the Letters business as delivery innovations are pursued and costs adjusted to accommodate the shrinking letter volumes.
The current framework does not reflect this major shift in business mix, still treating Letters costs as fixed, allocating “as is” costs, and with no regulated incentive to maximise productivity. 
There are no mechanisms for addressing the competitive implications of cross-subsidies from the Letters to the Parcels business. The current accounting approach for the CSO is not based on determining unavoidable costs. 
Furthermore, there is also no incentive for Australia Post to minimise those costs by facilitating efficiency through the sharing of costs (for example, by allowing other parcel delivery companies to pay to drop parcels at into Community Post Offices in regional areas).
Regulatory reforms should therefore focus on ensuring that:
(1) the Letters business operates efficiently at a minimum cost for the scale and quality of the outputs, with Open Access and incentives for other carriers to use any parts of the delivery and Post Office network, and;
(2) the combined Letters and Parcels business earn a commercial rate of return after a notional adjustment for the CSO, with the cost of the CSO limited to the truly unavoidable costs resulting from Prescribed Performance Standards for Letters.
The Australian Parcels Industry Forum (APIF) estimates that by properly addressing efficiency and cost allocations, the Reserve Letters cost base would be relieved of up to $396m in unnecessary annual costs. This should improve Australia Post’s profit position by that amount and thereby reverse the current losses to providing an annual profit in excess of $150m. This is a net benefit of $4bn over ten years.
The Productivity Commission should review options to evolve the Postal Regulatory and Policy framework to account for declining Letters volumes in a Parcels-centric combined business and the competitive implications of the cross-subsidies and the CSO. 
The role of Postal Infrastructure and Post Offices should evolve to become more of a public asset, open to all industry participants to facilitate efficiency through the sharing of costs.</t>
  </si>
  <si>
    <t>Generate over $1.5bn in benefits over 10 years by allowing Community Post Offices to be Parcel Hubs for all carriers, improving access to eCommerce &amp; preventing Post Office closures in Regional Australia.</t>
  </si>
  <si>
    <t>A strong eCommerce market, supported by a competitive parcel delivery industry, is critical for the economic and social development of Australia.  Growth in eCommerce and access to parcel delivery services is currently being constrained by a lack of parcels competition in regional and rural Australia.
Independent economic analysis has demonstrated that Licensed Post Offices (LPOs), retailers, parcel carriers, residents of regional Australia, and Australia Post itself would all benefit from paid open access to Australia’s publicly owned Post Office network.</t>
  </si>
  <si>
    <t>A strong eCommerce market supported by a competitive parcel delivery industry is critical for the economic and social development of Australia.  Currently, there is little competition in parcel delivery services outside the major cities. 
Australia Post controls approximately 75% share of the parcels deliveries nationally, with an estimated 95%+ in regional and rural Australia.  This unregulated monopoly position, especially in the regional and rural Australian market, is sustained based on its exclusive control and access to the network of Licensed Post Offices around the country, which is causing needlessly higher delivery costs and hampering growth.
Retailers say they could sell more to consumers in Rural and Regional Australia, if only there was more choice and competition. 61% of surveyed retailers said deficiencies with current delivery services are negatively impacting their business.
Other parcels carriers want to provide services to these locations, but managing unsuccessful deliveries in many regional and rural areas is cost prohibitive for other carriers due to the lack of available locations able to act as convenient parcel collection points for consumers. Also, without access to these locations the market is restricted in pursuing more economically efficient and lower emissions delivery services, such as “click and collect”.  
Independent Community Licensed Post Offices (franchisees) in regional and rural Australia should play a critical role in supporting the development of the retail industry by being the Parcel Hub for their local community, regardless of which carrier brings their parcel to their local area.  
These Post Office Licensees are in desperate need of new sources of income as letters, in-person banking services, and other traditional sources of income continue to decline.  
They currently have a clause in their contract with Australia Post which blocks them to adding more services unless Australia Post approves. The Licensees want this clause removed so they can remain viable and expand their services in their local communities.
Parcel carriers are willing to pay to be able drop off parcels at the local Post Offices.
Research by Freshwater Strategy found that almost 100% of Australian citizens and residents, particularly those in regional Australia, want their Local Community Post Office to survive.  Most respondents said that they want their Post Office to grow and provide more services, including being a parcel hub for their community.
Postal regulators in many overseas markets support and regulate a policy of Open Access to Post Offices, and take a more proactive approach to ensuring parcels competition is healthy and strong.
Despite this strong interest from LPOs, retailers, carriers and the community, Australia Post’s management has refused to allow the Licensed Post Offices to handle parcels delivered to them by other parcel carriers on behalf of consumers in their local towns and rural areas.  
They insist all parcels be carried through Australia Post’s national network, preventing the development of competition and protecting its high market share, despite ongoing growth in the eCommerce parcels market.
The productivity commission should review options for supporting the development of the Licensed Post Office network, allowing them to engage directly with other business partners and expand the scope of services they provide. 
Many industries struggle with cost-effective coverage of regional and rural locations. For the Parcels Industry alone Lateral Economics estimated the benefits to the Australian economy of opening access to be more than $1.5bn over 10 years, shared across all stakeholders, including Australia Post.  
This reform would come at no cost to the Budget.  In fact Lateral Economics estimates that this proposal could boost government revenue by ~$530 million over 10 years.
This reform would represent a win-win for all stakeholders. It is simple to implement and only requires a directive from the Australian Government.</t>
  </si>
  <si>
    <t>Care Economy Worker Registration</t>
  </si>
  <si>
    <t>Care Worker registration of care economy workers including Disability Support Workers and Personal Care Workers amongst. Rec 77 of the Royal Commission into Aged Care and 10.8 of the Disability Royal Commission describe this, whilst the working group into Disability Provider and Worker registration recommended it in disability. Elements would include a minimum qualification, creating mandatory ongoing training and professional development entitlements and including indemnity insurance requirements for care workers across aged care and disability.</t>
  </si>
  <si>
    <t>This would increase quality by increasing and standardising the minimum quality of care knowledge required by care workers. Professionalisation of care as a career would increase retention. Implementing this across the care economy is efficient rather than sector by sector. Increased professionalism and quality work would increase productivity. The report linked here outlines many of the benefits (in regard to aged care) https://australiainstitute.org.au/post/minimum-qualifications-the-missing-piece-of-aged-care-worker-regulation/</t>
  </si>
  <si>
    <t>Elevating Engagement</t>
  </si>
  <si>
    <t>In a world of rapid change, effective engagement isn’t just important—it’s essential. Done right, it can transform outcomes, drive trust, and create lasting positive impact across social, environmental, and governance issues. But done wrong? It fuels conflict, delays, and skyrocketing costs. The stakes are high—upskilling Australia’s workforce in engagement is the key to driving productivity. 
By navigating complex issues together, and uniting communities to achieve better outcomes, the benefits reach across government, business, and society.</t>
  </si>
  <si>
    <t>To unlock Australia’s full productivity potential, we must arm our workforce with the vital skill of engagement, elevating it as a strategic pillar in project planning and policy development. Our proposal calls for an overdue, critical shift—upskilling professionals in engagement and embedding it at the heart of government and industry decision-making. This is not just a priority; it’s the key to driving lasting change, fostering collaboration, and powering Australia’s future success.
When done effectively, engagement reduces opposition, builds trust, and brings communities and workplaces on board with new ideas. It minimises costs associated with project delays, redesigns, and legal challenges stemming from poor or absent engagement.
To achieve these outcomes, engagement must be elevated to a strategic level, on par with legal and engineering expertise in project and policy design. Too often, engagement fails because it occurs at the wrong time, lacks a clear purpose, or is disconnected from broader objectives. Treating engagement as a core discipline enables skilled practitioners to identify the critical moments where engagement will have the greatest impact and to deliver it with precision and purpose.
The case for engagement as a strategic skill
Engagement, when executed effectively, reduces resistance, builds trust, and brings stakeholders together to achieve shared goals. Poorly executed engagement—or none at all—can lead to costly project delays, redesigns, and legal disputes that harm productivity and erode public confidence.
Strategic, skilled engagement offers:
•	Faster project delivery: Early and meaningful engagement prevents opposition that leads to delays or costly revisions.
•	Improved policy design and implementation: Gathering diverse perspectives ensures policies and programs are practical and widely supported, avoiding pitfalls of disconnect with on-the-ground realities.
•	Stronger community trust: Transparent and inclusive engagement fosters long-term support and social licence, enabling smoother execution of projects and policies.
•	Greater innovation and adaptability: Engaged stakeholders contribute fresh ideas and solutions, helping organisations adapt to dynamic environments.
•	Economic and social cohesion: Skills in engagement contribute to building relationships that sustain industries, especially during periods of change or uncertainty.
To realise these benefits, engagement must be recognised as a critical workforce capability and strategically embedded into projects and policies. Key steps include:
1.	Upskilling workers across sectors
Engagement skills are essential for roles involving change, including public servants, engineers, planners, HR professionals, project managers, and senior leaders. Training in best-practice engagement methods ensures these professionals can anticipate challenges, foster collaboration, and drive results.
2.	Embedding engagement professionals in strategic planning
Engagement practitioners should be integral to project and policy development, just as legal, financial, or engineering experts are. They can identify when and how engagement should occur, ensuring its alignment with broader objectives and avoiding ad hoc, ineffective efforts.
3.	Elevating engagement to a core discipline
Governments and organisations should treat engagement as a fundamental component of planning and decision-making processes, with clearly defined objectives and accountability frameworks.
Alignment with productivity goals
Investing in engagement skills directly supports a more skilled and adaptable workforce, contributing to Australia's productivity by:
•	Reducing inefficiencies caused by delays, redesigns, and disputes.
•	Enhancing the effectiveness of public spending by aligning outcomes with community needs.
•	Equipping professionals with skills to navigate complex stakeholder environments, fostering resilience and adaptability in the workforce.
•	Driving innovation through collaboration and shared ownership of outcomes.
Engagement also supports other productivity drivers, such as the transition to cleaner energy and digital transformation. These initiatives depend on public understanding, trust, and support—all of which are bolstered by skilled engagement.</t>
  </si>
  <si>
    <t>Establishing an Innovator and Investor Panel to support the clean energy transition</t>
  </si>
  <si>
    <t>The energy sector is undergoing a monumental transformation as it transitions from emissions-intensive sources like coal to clean renewable energy. Central to this shift are investors and innovators, whose insights, capital, and pioneering technologies drive progress.  
The proposed Innovator and Investor Panel would integrate expertise into regulatory and policy design processes. By providing a structured platform for independent advice, the Innovator and Investor Panel would inform policymakers and market bodies, enabling a stable regulatory environment that supports a least-cost, efficient transition while driving sustainable growth.</t>
  </si>
  <si>
    <t>Investor confidence is critical to accelerating the energy transition and minimising costs for consumers and governments alike. To achieve this, consistent engagement with the energy sector’s most knowledgeable figures is essential. 
Similar to Energy Consumers Australia (ECA), which provides a voice for consumers, the Innovator and Investor Panel would serve as a trusted advisor and partner to the energy sector, enriching the policymaking process with diverse perspectives. 
The Innovator and Investor Panel could provide Ministers, market bodies, and the public with timely, independent advice on regulatory, technological, and financial innovations shaping global energy markets. While ensuring the voice of investors and innovators is heard, the Panel would also provide key benefits to:  
Ministers: Delivering expert guidance to support evidence-based decision-making, facilitating the adoption of real-world solutions that drive policy alignment with market trends. This would enhance government credibility and accelerate the transition using least-cost capital.  
General Public: Helping to ensure the energy transition is cost-effective, reliable, and sustainable, reducing the risk of higher energy costs or delays in transitioning to clean energy.  
Industry: Creating a stable regulatory environment to unlock capital flows and foster innovation, ensuring Australia remains at the forefront of the global energy transition.</t>
  </si>
  <si>
    <t>Build a Firmed Energy Strategy for Australia</t>
  </si>
  <si>
    <t>Achieving 82% renewable energy by 2030 and 100% renewable energy in the future requires a diverse range of firming technologies and storage durations. A robust, evidence-based firmed energy strategy is essential to meet these targets while ensuring consumer affordability and emission reductions. Identifying the optimal mix of technologies, including gas plants and battery energy storage systems, will help avoid inefficiencies, unnecessary costs, and locking in higher emissions for decades. Without this strategic approach, Australia risks undermining its net zero ambition by over-investing in outdated firming solutions.</t>
  </si>
  <si>
    <t>A firmed energy strategy must prioritise evidence-based decision-making and flexibility to advance Australia's clean energy transition and support net-zero goals. Policies and storage targets should be grounded in market needs and updated regularly to ensure efficiency. For example, the California Public Utilities Corporation uses annual evaluations with de-rating factors to assess the reliability contributions of different firming technologies, providing a transparent and adaptable framework. This approach ensures that investments are aligned with real system requirements and deliver optimal outcomes for cost and reliability. 
Flexibility is also critical to ensure the energy strategy evolves with market dynamics. By implementing a transparent process for determining firming requirements, Australia can ensure the right mix of technologies is deployed based on cost-effectiveness and system needs. Such a strategy will prevent inefficiencies and overpayment while reducing costs for consumers, fostering competition, and accelerating the deployment of clean energy technologies in line with emissions goals.</t>
  </si>
  <si>
    <t>Quick wins on EPBC can unlock renewable energy investment</t>
  </si>
  <si>
    <t>Quick fixes to Environmental Protection and Biodiversity Conservation (EPBC) Act coupled with renewed legislative efforts can unlock renewable investment. 
Much of the delay, financial impost and procedural impediments to the delivery of renewable energy projects result from interfaces with the EPBC Act. While each individual project timeframe is influenced by unique factors, proponents are experiencing a range of common problems with the consistent, predictable and certain administration of the EPBC Act, which contribute to project delays, lead to uncertain outcomes and undermine the efficient delivery of renewable energy projects that is vital for the energy transition.</t>
  </si>
  <si>
    <t>While Federal legislative reform is required to deliver on major changes, there are a number of quick wins within the existing EPBC framework to make processes more efficient, reduce delays, and provide clarity for investors. These include: 
- Improve coordination and alignment of State and Federal assessment processes to eliminate duplication (with a priority focus on Queensland); 
- Limiting and clarifying requests for additional information to reduce procedural bottlenecks and delays. 
- Increasing resourcing within the Department of Climate Change, Energy, the Environment, and Water (DCCEEW) to handle assessments efficiently.  
- Standardising environmental conditions and updating and reforming offset policies, as proposed in the Samuel review, to improve predictability and transparency. 
A report commissioned from HSF in 2024 outlines useful recommendations for the Commonwealth and State governments to implement: 
- EPBC reform: https://www.ceig.org.au/wp-content/uploads/2024/12/HSF-x-CEIG-EPBC-Act-Report.pdf</t>
  </si>
  <si>
    <t>All jurisdictions should: 
- Clarify and align consultation processes to ensure transparency, consistency, and effective coordination among proponents; 
- Coordinate State and Federal government processes for assessing renewable energy projects to eliminate duplication and reduce regulatory burdens; 
- Facilitate data sharing for regulators, proponents and operators; 
- Streamline interaction with the Commonwealth including for strategic assessments and the treatment of Renewable Energy Zones; and   
- Improve understanding of intangible cultural heritage with First Nations People. 
There is a clear need for planning and development reform to reduce project delays and help accelerate States’ energy transitions. These quick wins would support this goal and the path to net zero. 
Two reports commissioned from HSF in 2024 outline useful recommendations for the State governments to implement: 
- Planning reform in NSW: https://www.ceig.org.au/wp-content/uploads/2022/07/HSF-CEIG-Report-Delivering-major-clean-energy-projects-in-NSW-14-December-202380.pdf  
- Planning reform in QLD and VIC: https://www.ceig.org.au/wp-content/uploads/2024/04/HSF-_-CEIG-Report-Delivering-major-clean-energy-projects-in-QLD-and-VIC.pdf</t>
  </si>
  <si>
    <t>Funding the gap in the Australian energy transition</t>
  </si>
  <si>
    <t>A series of risks in the clean energy sector, including regulatory barriers, policy uncertainty and market unpredictability are steering institutional investors toward international markets rather than Australia’s clean energy transition. This shift comes at a critical moment when significant capital flows in the energy sector are required to meet Australia’s climate targets. 
Australia's $4.1 trillion superannuation sector is currently under-invested in the energy transition due to structural, regulatory, and risk-return barriers. Unlocking this capital alongside private and public investors will require tailored policy interventions, innovative financing mechanisms, and de-risking frameworks to bridge the funding gap and accelerate large-scale renewable energy deployment.</t>
  </si>
  <si>
    <t>To close the funding gap and improve productivity in Australia's energy transition, a multifaceted approach is required: 
- Create mechanisms to deliver scalable, flexible capital that aligns with developers' needs, ensuring projects have access to financing at competitive rates and terms. 
- Reform the Your Future Your Super (YFYS) framework by designing new benchmarks tailored to clean energy investment. These benchmarks should account for the long-term, volatile nature of renewable energy assets and reduce risks for institutional investors by incorporating forward-looking metrics. 
- Provide clear guidance on where investment is most needed, outlining priority areas such as grid infrastructure, renewable energy zones, and energy storage solutions. This roadmap will help align capital flows with national and regional needs, ensuring efficient resource allocation. 
Government-backed guarantees, long-term revenue certainty mechanisms, and frameworks that enhance market stability can complement these reforms to enhance the risk-return profile of clean energy investments.  
By addressing investment barriers, Australia can unlock billions of dollars in superannuation funds, accelerate renewable energy projects, and create jobs. These actions will not only help achieve 2030 and 2050 climate targets but also bolster Australia’s economic growth.</t>
  </si>
  <si>
    <t>Capturing "Lightning in a Bottle" to invent the next world.</t>
  </si>
  <si>
    <t>During the early Silicon era, 1960 - 1980, there were multiple exceptional projects &amp; establishments that defined and created everything we use today in computing &amp; communications.
They all had something in common:
teams of up to 25, funded for at least 5 years, where management selected great people, then got out of their way.
This wasn't accidental, it was repeated too many times in too many places.
A similar effect happened with Kelly Johnson at Lockheed's "Skunk Works" developing era-defining aircraft rapidly, though Johnson created "14 rules".
It is worth Australia identifying all the "Skunk Works" it can and intensively examining how and why they worked, especially novel ways to select appropriate &amp; capable leaders.
Australians are already known for "punching above their weight", being unusually creative / inventive.
Martin Green of UNSW changed the world with his Solar cell research... Just one of many examples.</t>
  </si>
  <si>
    <t>The inventions from this early work have led to industries worth many trillions.
The US government and some well heeled private companies changed the world, profoundly &amp; quickly.
During the early Silicon era, there was ARPA's IPTO (Information Processing &amp; Technology Office) that conceived and funded "ARPANET" - now called "The Internet".
Bell Laboratories created "Unix" and the "C" language for tools - which now runs 99% of the computers on the planet, including all the smartphones and almost all Internet servers.
Xerox PARC in a 5 year period with just 25 talented people produced "Eight Big Inventions" (PC's, graphical displays, desktop publishing, laser printer, ethernet, Internetworking, Object Oriented software  )
which "resulted in about $35 trillion in return on [an investment of] maybe $100 million."
At UC Berkeley, Donald Pederson created "SPICE", fundamental for circuit analysis, was famous for saying, "Unlike our friends across the bay or on the east coast, we give everything away.  
That way, I get to go in the back door and see what they are doing. 
If I sell our tools, I use the front door like all salesmen."
This deliberate sharing of tools, research and technique significantly sped development of all electronics at the time.</t>
  </si>
  <si>
    <t>Reimagining short-range urban EV's</t>
  </si>
  <si>
    <t>The USA has communities built around golf carts: small EV's, 4ft wide and 8ft long for two people.
Golf carts that could do 40 kph would be cheap enough to efficiently address most Urban short-range "tasks".
Adding a close-following (300mm) cruise-control / radar brake would allow long 'platoons' of carts to achieve road usage as high as railways during congestion, safely.
Adding commodity UAV "auto pilot", with GPS, would allow carts, at low speed, to either return to base, or find a park, to return when their driver "whistled" for them via an App.
Having GPS, on-board radio and a controller means all trips &amp; drivers would be logged and usage violations automatically reported. If carts were limited to 5km or 7.5km radius, that'd be reported for enforcement action.</t>
  </si>
  <si>
    <t>The major impediment to allowing new classes of small EV's on the roads are Government regulation and approval.
For any light-weight, small EV to succeed, the Federal and State Governments need to expedite their design approval and road worthiness criteria.
All the technology is well proven, available in quantity, should be easily integrated and robust &amp; reliable in use.
Pick a town, any town, and start a trial within 12 months.
Its not going to cost millions &amp; millions for a trial.
There's nothing to lose and everything to gain.</t>
  </si>
  <si>
    <t>Reforming Education: finding &amp; supporting passionate teachers</t>
  </si>
  <si>
    <t>There are many exceptional teachers working in the system and producing great student outcomes, despite, not because of, the system and bureaucracy.
Eddie Woo of Sydney was rated "one of the Top 10 teachers in the world by the Global Teacher Prize".
The Ron Clark Academy in the USA came out of a single teacher in a 'rough' public school taking on the worst class - and having all his students perform exceptionally.</t>
  </si>
  <si>
    <t>Passion is contagious.
Everyone who's had a great teacher, someone who changed their life, has seen this in action, has felt its force and effect.
Our Education system isn't designed to get the best from teachers, the best from students, to use technology to full effect or to train students in all the areas they'll need to be successful adults, like self-management, budgeting and now, assessing dis- and mis-information.
Postman and Weingartner published a definitive work on Teaching in 1971.
The most shocking conclusion, for me, was the primary role of "Education" is child-minding.
In the last 50 years, we've seen the unchecked accretion of Bureaucratic process created by faceless head-office minions more than amply demonstrating "Parkinson's Law" (1955) of "work expands so as to fill the time available", with the proviso teachers don't have limits on the hours they can be required to work, nor overtime, unlike every other Profession.
Is it any wonder the Profession has trouble attracting, then keeping any teachers, let alone the best.
Australia, for a bright future in a world of technology change, needs to support, train and keep the best teachers, to maximise their effectiveness and reach and to delegate simpler tasks, like "child minding", to others.
Scandinavian countries have some of the best educational outcomes in the world and achieve this by focussing on the quality &amp; selection of teachers, as well as banning private schools, creating a single pool of highly motivated, well paid and well respected teachers.
Improving public school education is a necessity to meet all 5 areas of interest for this project,
and one of the highest priorities.
Doing more of what we're doing now, even well intentioned efforts like NAPLAN, will not, cannot work.
I don't have the Professional Educator experience to say what will work, but I've enough Systems, Organisational and Quality experience to say "what we're doing is NOT working" - there are any number of examples of highly effective teaching systems, that cost around the same.
Blindly applying new technology doesn't fix overloaded, jaded and exhausted teachers struggling from the daily grind.
To create a radical enough Education Reform program that sticks, maintains itself and adapts as change happens and resists "Parkinsonian" bureaucratic forces will take a lot of skill, knowledge and experimentation.
But mostly it will need Political Will and solid bipartisan support.
Otherwise The Brave New System will be just another layer, another failed experiment grinding down the next group of teachers.</t>
  </si>
  <si>
    <t>Applying proven Quality, Safety &amp; Performance Processes of Aviation to Medicine</t>
  </si>
  <si>
    <t>Would any politician or senior manager, private or public sector, get on an Aircraft, or Airline, that was run like Medicine or any Hospital?
Since the 1954 Court of Inquiry, by Lord Cohen, into the de Havilland Comet crashes, the global Aviation Industry has consciously and intentionally pursued "constant improvement", backed by hard-data reporting: fully public &amp; transparent.
The Cohen Inquiry was the last held into an Aviation accident in Britain.
The industry model of a Regulator and well-funded Independent Investigative Branch has been highly successfully and led to enormous, on-going improvements in every safety metric, on-time performance and larger, more fuel efficient and more profitable aircraft.</t>
  </si>
  <si>
    <t>The Government knows how to fund, run and administer Aviation Safety &amp; Quality, it can translate the model and processes to any field it choses.
A regulator (CASA or FAA), licensing &amp; enforcement body with real power
and a separate, well resourced Incident Investigator (ATSB), free of political influence and interference.
Apart from the howls of protest from doctors, specialists and medical admin, claiming they're "exceptional", should be free from all restraint and external, independent oversight and claims "this will destroy Medicine as we know it!", I cannot see any patient health or public funding issues.
Decades long improvement work by Dr Brent James in a US hospital system conclusively demonstrated two effects of Quality Improvement:
*** total care costs are reduced 25%-30% because of avoided complications and Doing it Right, First Time, Every Time,
*** the worse medicos stood out very clearly from the others.</t>
  </si>
  <si>
    <t>Micro Cap Listed Companies on the ASX are subject to terminal market inefficiencies</t>
  </si>
  <si>
    <t>Greater support needs to be provided to ensure that micro cap listed stocks on the asx are given every opportunity to migrate to become substantial drivers and supporters of the Australian Economy both in terms of revenue generation and most importantly Job creation and knowledge retention. A significant number of impedimets operate in this sector of the market which if not remedied will lead to a rapid decline in Australias global competitiveness, especially in the biotech and physical technology spaces. Australia has unfortunately thrived on being an Island economy with abundant natural resources and the ability for monopolies in other broad fields to flourish.</t>
  </si>
  <si>
    <t>The key areas that are required to improve productivity in these markets are as follows:
1. Great access to capital via stronger relationships with the Future fund and Super funds. A Fund could be established which focuses on the micro cap sectors with $1B each contributed by Gov, Future Fund and super funds would allow for an initial pilot to support this sector.
2. Shared resources in both Finance and Business Development in Global markets especially in the biotech Sectors would allow for the island economy to take on the Global Might of the USA markets. Monoplies such as CSL are a rarity and emenated from government ownership and monopoly status. Other Larget Biotechs have taken over 20 years to get to market and are often subject to the "valley of death" which tends to stretch for an eternity. Aus trade and other such organisations need to be supported in much greater depth with industry specific support.
3. Liquidity in the operation of these markets, as demonstrated by the asx micro cap activity over the past 2-3 years has been at crisis levels outside of a handful of stocks and the mining sector. There is a great need to improve the market efficiency in these areas with volumes of $50k to $100k being able to reduce market caps by upto 50%. The Small cap markets are broken.
4. Institutional support and interest for this sector is at an all time low and therefore there needs to be incentives to have them invest and remain as investors for the long term. This flows onto teh HNW and Familiy offices who do not have the domaon expertise to analyse these opportunities and they are mostly not covered by brokers due to the inability to generate fees. The smart money is unfortunately not investing in Australias future with massive increases in flows of investment funds into USA ETF's. Investment funds need to move away from teh banks in Austrlai where they trade at unprecedented PE's and there needs to be an incentive to take on RISK and support Australias Future.
5. The relationship between Governement institutions, Teaching Institutes and Hospitals with the Small cap sector is Like "the cold war" but nobody is prepared to acknowledge this. These broad Government funded research institutes are not driven by teh need to commercialise but rather to maintain their own self interest. This unfortunately spills over to philanthrophy where there needs to be greater competition for philathropic funds to be directed to Small cap Biotechs. How do we incentivise people to take a risk on a potentially failed biotech project rather than have their name on a Public hospital building! Listed companies use funds much more efficiently and get to market much quicker than Large public research institutes.
6. Our lack of commercial sucess in Biotech commercialisation has only been offset by our generous R&amp;D rebate for Phase1 clinical trials which allows for foreign access to our resources and people for trials but that is where it stops. There will be a brain drain of monumental proportions!</t>
  </si>
  <si>
    <t>Standing Committee of Innovators &amp; Inventors to collect, assess &amp; support "New Ideas"</t>
  </si>
  <si>
    <t>Meaning no disrespect, Economists &amp; Bureaucrats without lived experience creating successful products and support organisations, without experience in "Risk Taking",  are likely to be poor judges of others' new ideas.
In 2001, would this process have selected and supported Mike Cannon-Brookes &amp; Scott Farquhar in founding "Atlassian", the definitive "Digital Business" success of Australia.</t>
  </si>
  <si>
    <t>There's ample evidence and research showing that Inventors &amp; Innovators are made, not born.
To create an unending stream of good, sustainable Innovation, not just 'Invention', doesn't need "More of the Same", it needs a whole new, long-term approach.
A Pipeline of Innovation and new Businesses starting at Secondary, even Primary, School is necessary to both create an Innovation Culture, train Mentors and create _the_ most critical tool an Inventor / Start-Up needs: an effective team and their CV's - proof they can work together, get things done, overcome obstacles and beat challenges.
Learning how to Innovate &amp; 'do' business is moslty experiential, requiring the ability to "Fail Forward", to keep playing, to still attract investors at the next level and the next, not being beholden to a cooker-cutter finance model of VC's. Early mistakes with little money at stake are the most valuable learning experiences.
The most critical decision in the early years of Atlassian was firing their "Business Coach", who for a few years told them they were 'doing it all wrong', while building their business solidly &amp; quickly.
Running a high-margin, Big Business playbook for a fast moving start-up isn't just ineffective, it will kill it every time.
Not everyone needs, or wants, to create a large high-profile business, there has to be many "off-ramps" of success for people who reach the level they're comfortable with.
"Founders" generally make poor managers when a firm becomes large &amp; successful. The things they did to get them there - fast moving, flexible, trial-and-error - won't keep the firm running or customers happy.
Steve Jobs had to be sacked from Apple to learn a new set of management &amp; leadership skills, to come back and rescue it from disaster.
The end game for every startup is "The Exit Strategy" - being able to sell a successful, expanding, profitable business to someone who can take it on to new challenges.</t>
  </si>
  <si>
    <t>Automation of permitting processes</t>
  </si>
  <si>
    <t>Licensing and permitting processes are capable of being automated. Detailed rules for permitting and licensing, administered by intelligent systems incorporating machine learning, will reduce uncertainty, objectivity, delay and cost currently experienced across the Australian economy. Productivity and productivity economic activity is currently delayed in a range of processes from planning and building applications at local government level to major project approvals at State and Federal level.</t>
  </si>
  <si>
    <t>Investment in detailed rule mapping and building of smart systems to administer the application and processing of licensing and permitting applications will improve certainty for applicants and reduce costs and delay. The backlog and uncertainty in permit application processes results in wasted economic activity, expensive litigation, holding costs and deferral of employment, investment and development. A national, well funded office engaged in building smart permit processing systems for all 3 levels of government, will build a national capability and produce material productivity dividends.</t>
  </si>
  <si>
    <t>Local Exchange Trading Systems (LETS)  It is  a remarkable tool for building and strengthening local communities. It’s a kind of banking system that is fully compatible with traditional currencies.</t>
  </si>
  <si>
    <t>While this is not my idea I believe it should be adopted by all sections of our country including Government as it has the potential to cure many of the problems that plague our society.  A search on the internet will explain the system &amp; it's origins better than I can. 
Search - LETS Trading, Community Exchange System Australia (CES Trading), Community Currencies</t>
  </si>
  <si>
    <t>Some of the benefits of Local Exchange Trading System (LETS) - Relieves poverty, creates communities, creates meaning, purpose &amp; opportunities, keeps wealth local, promotes local productivity, is open to everyone &amp; fulfils community needs.</t>
  </si>
  <si>
    <t>Traditional and new services offered in an innovative way: outdoors.</t>
  </si>
  <si>
    <t>Take advantage of the Australian climate and provide a wide range of services outdoors to clients who now prefer to avoid indoor risk of airborne infections.</t>
  </si>
  <si>
    <t>There is immediate need to confront the fact that a new highly infectious airborne disease is negatively impacting the Australian economy and social fabric - and that future airborne pandemics are likely. 
Many people now not seeking services would welcome them in safe outdoor air - and it would give more choices to workers seeking non-traditional working environments such as WFH. Terraces and decks would be ideal, with mobile units for equipment if needed.
Services could include mobile dentistry, podiatry, physiotherapy, medical checks, respirator fit-testing, optometry, hairdressing, IT advice and assistance, and a wide variety of consultancies and educational activities.
There are economic advantages as it would mean greater uptake of services, especially ones leading to greater health and well-being of people who would then be more able to participate in the workforce and in volunteer activities. Further social advantages are likely as friends and neighbours may group together to attend or to coordinate visits from service providers.
Eventually, the need for clean indoor air - especially in buildings used by the public - may be recognised and ensured, but meanwhile outdoor services can be immediately provided and enjoyed.</t>
  </si>
  <si>
    <t>Revive the Commission's Productivity Conceptual Framework</t>
  </si>
  <si>
    <t>Revive and reinvigorate the Commission's productivity conceptual framework as an explanatory device to focus public debate on the productivity policy areas of most importance.</t>
  </si>
  <si>
    <t>The Commission's conceptual framework for policies to stimulate productivity and economic growth is directed to three key areas. These are market incentives (rewards and penalties) to encourage entrepreneurial activity and efficient performance; greater flexibility and adaptability to enable firms and industries to respond to market incentives; and capabilities to strengthen technological development and responsiveness to market opportunities.
Reviving and strengthening public awareness and interest in this framework and the  nature of the policies, processes and initiatives that underpin it would help stimulate public support for the implementation of policiea that matter to productivity and economic growth.</t>
  </si>
  <si>
    <t>Lighting Standards</t>
  </si>
  <si>
    <t>Include a recommended maximum level of illumination</t>
  </si>
  <si>
    <t>A maximum level of illumination would reduce excessive, unnecessary illumination which increases energy costs and carbon emissions; it would improve workplace and educational opportunities for light sensitive people.
Energy Savings
A recommended maximum level of illumination would reduce human-induced greenhouse gas emissions which are the major cause of accelerated global climate change.
Recommended minimum levels of Illumination are excessive.
“[T]hese de facto minima notably exceed the levels necessary for good visibility ... and efficient reading ... , most workplaces and educational facilities have illuminances well above such levels. This may in part be because guidelines stipulating maximum illumination levels appear to be lacking ... . Increasing the brightness of room illuminance beyond recommended levels has not been shown to improve reading efficacy; while it has been shown to induce visual discomfort and headaches in susceptible populations ... . 
In Australia, as lighting becomes less expensive, more lighting products are purchased and used, so the net consumption of energy will increase. The rebound effect may limit energy savings, and, at the same time increase levels of illumination.  Research has focused on the rebound effect, and not on solutions to avoid it.  
Light Sensitive People: estimated to be between 5–12 % of the population; the severity varies on a continuum.  Light Sensitive people include those who experience migraines triggered by light ; those with ADHD who are light sensitive,  some people on the autistic spectrum,  and those who experience illumination induced visual perceptual distortions.  
Current Standards “act as a shield for lighting providers against litigation”.   The Australian Human Rights Commission Conciliation Register provides a case in point. A light sensitive university student complained about lighting. 
The university claimed its design guidelines and procedures meet all mandatory and minimum requirements for design and construction to buildings and facilities. 
Does your policy idea specifically relate to any of the topics? Please select as many as apply.
Creating a dynamic and resilient economy
Building a more skilled and adaptable workforce
Investing in cheaper, cleaner energy and the net zero transformation
Do you consent to your idea being published to the PC website for other people to see?
I confirm that there is no personal or identifying information contained in my idea.</t>
  </si>
  <si>
    <t>Boosting Innovation and Creating Engaged Communities</t>
  </si>
  <si>
    <t>This initiative has provided a brilliant opportunity to involve ordinary Australians and engage them formulating policy. It's a similar experiment - but much more democratic - to Kevin Rudd's 2020 Summit. Why not seize the opportunity? The PC could formalise this process into a regular process of engaging with the community. A 'Productivity Engagement' project, calling for ideas and submissions on a different issue each month, offers a way of continuing this dialogue.</t>
  </si>
  <si>
    <t>Extending this project and making it a monthly exercise focusing on specific questions each month is a no-brainer! 
It offers the PC an opportunity to engage with stakeholders across the country, boosts the Commission's profile, and demonstrates your receptiveness. It clearly shows you are willing to 'think outside the box' when searching for ways of boosting the country's productivity and involves everyone in this critical project. The cost of doing this would be insignificant and and could be further reduced by increased automation. From a public relations point of view alone the benefits to the PC are so obvious there's really no need to spell them out further. 
There's also other possibility, no matter how slight it may be. Although it might seem unlikely, it is possible that some individuals may actually come up with a few good ideas that are worth following up. Now I wouldn't want to get your hopes up. and this naturally remains a remote possibility, but just think of how wonderful this would be . . .</t>
  </si>
  <si>
    <t>Clarifying economic concepts, terminology and directions</t>
  </si>
  <si>
    <t>The need for precise economic analysis from seasoned experts rather than the loose ideas of amateurs, influencers and wannabes</t>
  </si>
  <si>
    <t>One could think that few understand the key linkages among elements which make the economy work. In the media, we see mostly binary assertions such as ‘if we do this, “benefits” will follow’ or ‘if we don’t do this, growth will decline’. These assumptions might on occasion be correct, but to suggest that one change can be reliably confined to just one outcome in an economic system is hard to believe. Maybe proponents of a particular course of action have little insight into what they are suggesting other elevating their vested interests.
‘Economic growth’, much venerated, could relate to physical output, revenue, the application of factor inputs or, ideally, value added. ‘Growth’ suggests volume increases or decreases on a specific measure over an accounting period. So, if the nation recorded a six per cent increase in annual GDP, is a 50-basis point reduction a matter of popular apoplexy?  If population remained stable over a year, even zero economic growth would not be a catastrophe and a one per cent gain in GDP could broadly signify greater productivity.  But we are not likely in Australia to see zero demographic growth any time soon according to official ‘forecasts’ – or are those documents actually Diktats reflecting the official version of economic progress?
If economic growth is important, we have been told that the route to it is through the 3Ps, population, participation and productivity. The first is an apparently easy option much favoured by the business and political class. It betrays lazy logic and implementation: for example, a baby boom will benefit only GDP (E), while immigration need not necessarily add to GDP (P) or (I), depending on the situation of the migrant. So, even overlooking the prospect of sustained factor substitution away from labour in the future, it might be wise to put aside the current demographic boosterism and concentrate on the remaining two Ps, participation and productivity.
Other things being equal, greater participation should increase all measures of GDP, but it might not simultaneously improve productivity if new workforce entrants were just job stacking or were less productive than the existing workforce. Seemingly, no one contemplates those possibilities. 
This leaves the last P, productivity. Critical and contrarian reasoning about it could generate more clear-headedness than is common in the Australian media and in political discourse. It indicates the great importance which should be attached to the work of the Productivity Commission, since productivity gains could offer the most cost efficient and error-free way of increasing national economic activity and welfare. 
The starting point should be to dispense with hazy logic and comment surrounding economic development in this country. Financially competent journalists could help. More significantly, the Productivity Commission has in the past published working papers which attempt to sort out some of the key dynamics of the economy. Those documents could be the spearhead to give the Commission greater clout in rational and reality-based national decision making. 
There needs to be more grounded and insightful comment about economic development to 2050 given major advances in production techniques and shifts in world geopolitics and geoeconomics. Will other nations need our current (quite concentrated) export offerings in 2050? Can we get by with next to no manufacturing capacity?  Will we be richer -- as per our apparent birthright? Or will we be poorer – and, if so, should we share the pain by adding another 10 million people?
Maybe it is all worth actually worrying a bit (aka ‘getting our act together’).  Someone once told me that ‘you don’t realise the meaning of wealth until you have lost it’.</t>
  </si>
  <si>
    <t>Lack of food supply and provision standards in Early Childhood Education and Care</t>
  </si>
  <si>
    <t>Meal provider in the ECEC sector has pointed out that there is a worrying lack of standards regarding the supply, storage, preparation and provision of meals in the ECEC sector, particularly in the state of Victoria. It has been identified in numerous studies that the provision of nutritious food in the first 5 years of life is important for brain development, healthy eating practices and that this sets the foundations for life going forward. 
Rural, regional and lower socio-economic centres are at a disadvantage when it comes to investing properly in the provision of fresh and nutritious meals, and this is often left to parents who may not have the knowledge, time or finances to provide food requirements.
Budgeting in For Profit versus Not For Profit centres leads to lower standards in For Profit centres.
There is no equivalence for qualifications for cooks / chefs as there is with Early Childcare qualifications leading to a discrepancy between centres that provide chefs, those that provide cooks and those that provide food via childcare workers. Centres that have qualified dietitians work to yet higher standards.</t>
  </si>
  <si>
    <t>Studies and reports from the field are identifying issues that hinder provisioning of meals to decent standards in the ECEC services sector. This is due to multiple factors including but not limited to 
- lack of data collection for the identification of levels of quality of provision of meals to allow for tightening up of regulatory frameworks going forward,
- centre kitchens are not built to commercial standards, but rather to domestic standards. No consideration is given to the number of participants that meals are provided for, even though the numbers are of a commercial weight.
- domestic standard kitchens lead to a lack of proper storage spaces (pantry, fridge and freezer), and a lack of proper preparation surfaces.
- food handlers certificate only covers serving of food and clean-up of eating areas, and has no bearing whatsoever on procedures in the kitchen.
- ECEC educators expected to take on the role of food preparers where appropriate staff are not available.
- the excuse of teaching fine motor skills and food education is, in some places, used as a way for children to prepare food (up to three times a day!). This is stressful and highly repetitious for the children and causes a poor relationship to food practices, let alone healthy food practices. A good centre provides cooking classes on a weekly / fortnightly basis which is far more constructive and is connected to the curriculum.
- in centres where low quality food is provided either due to budgetary limitations or lack of ability for parents to afford / understand nutritional requirements children are quite severely missing out on important nutritional foundations.
- this also coincides with a lack of substantive amounts of food, which is leading to some educators supplementing the meals of the children. This has the roll on effect of both children and educators going hungry. 
- These two previous points have been identified as leading to a deterioration of behaviours across the day. This may also be an issue in further education and needs to be fundamentally addressed. 
- As many ECEC educators are minimum wage earners centres need to consider providing meals for educators to ensure they are nutritiously fed (which, due to cost of living issues for many of them, is not the case) and enables them to lead by example.
- If Australia truly wishes to build and maintain a high-quality skilled workforce these first five years are of extreme importance, laying the foundations for health and well-being to allow for the uptake of academic and technical education.</t>
  </si>
  <si>
    <t>Education for a creative community rather than a robotic one!</t>
  </si>
  <si>
    <t>Australia’s education community is in dire straits just now. In an attempt to alleviate the short fall in teacher numbers, a cookie cutter approach to pedagogy is being driven in our public schools. South Australia has some better ideas, shoring up their teachers’ autonomy in the classroom and reminding everyone that teachers are in fact, professionals. 21st century employers want employees with 21st century skills - creativity is high on the list but will be lost to the current prevalence for accountability of principals for incorporating checklists of strategies rather than ensuring teachers have the capacity to diagnose student skill deficits and then design a programme to address these. Principals should be supporting their teachers in the classroom by addressing the decline in student behaviour - in handing this core element to wanna-be psychologists in Student Services, the greatest disservice to students has been committed; recent generations lag behind in resilience and grit and we have a crisis in teenage mental health with anxiety and depression topping the charts.</t>
  </si>
  <si>
    <t>Each time some (not even) lauded professor comes up with a new theory in education, wanna-be innovators create a bandwagon - this cycle has been repeated ad infinitum since my observations began in the 70s. Each time, there has been some slight evidence accompanying a siren call of “improved educational outcomes” which have NEVER been evaluated after implementation of the new pedagogy. Why? Because everyone is so busy attempting to adapt all their research, programming and lesson planning to incorporate this new approach. Currently, the fad is AI, the educational value for which there is no accompanying evidence, other than fraught teachers trying to stop their students from using it to lazily construct their assignments for them. The approach accepted in WA is for teachers to use it to reduce their planning time - but who is taking the time to do the fact checking? The spell checking? Read the research? Right now, teachers should be focused on up-skilling students for the 21st century - critical and creative thinking being the most important of these; this means, the teachers need the time to up-skill themselves and they shouldn’t have to be concerning themselves with poor student behaviour, sexism in the classroom, patronism from the top-heavy administration or abuse from executive staff and parents. 
I wish to see the results of the workforce survey given priority, the implementation of funding as proposed by Gronsky, and a campaign in all media highlighting the professionalism of teachers and their research-based approach, and a stop put to the idea that teachers are in someway akin to nursery staff and babysitters. There should also be a reminder to parents of their responsibilities to their children, including the need to prepare them for school, teach them manners and respect, for themselves as well as their community, and to show their children their world is safe and they will be kept from harm.
Teachers require autonomy in the classroom to address their students’ educational needs. The onus for compliance in student behaviour should be returned to deputies or, as they prefer to be called Associate Principals, students and their parents, in order to free up precious teacher time so they can focus on their diagnostic, prognostic and corrective planning and implementation, based on research, best practice,  experience and self-reflection.</t>
  </si>
  <si>
    <t>Career education and guidance legislation</t>
  </si>
  <si>
    <t>Australia requires legislation to ensure access to and investment in a minimum amount of professional career education and guidance. This will ensure that Australians can make sound career decisions and transitions to skills, education and employment throughout their life. Career education and guidance supports Australia’s investment in education, skills and employment services so they function effectively and improve outcomes for individuals, communities, employers and the tax department.
•	National career education time throughout school is inequitable and often inadequate.  
•	School and tertiary students require the employability skills employers have requested for 20 years.  
•	Career development should be part of employment services so that jobseekers can become work ready and sustainably well-matched to employment.
Without a mechanism to enforce career education and guidance as a national imperative, postcode will remain the greatest predictor of an individual’s future outcomes.</t>
  </si>
  <si>
    <t>All airports to sell only genuine Aboriginal art that benefits Aboriginal art centres.</t>
  </si>
  <si>
    <t>Create Aboriginal art shops in all airports in Australia to sell genuine Aboriginal art.
A national organisation would need to co-ordinate this.</t>
  </si>
  <si>
    <t>Benefits - direct profit to Aboriginal people to benefit from their artwork.</t>
  </si>
  <si>
    <t>The Inventors</t>
  </si>
  <si>
    <t>ABC once had a very good show of the above title - inventors would pitch and a panel of experts would assess the idea. The Shark Tank kind of took over but if there is real interest in finding products of a useful nature that can be manufactured in Australia, bring back this programme.</t>
  </si>
  <si>
    <t>These are obvious -More Aus content on Aus TV; more creative Aussies receiving an audience; creativity sparked again … we were going to be the creative nation but lost our way.</t>
  </si>
  <si>
    <t>Australia’s Cybernetic Leap 2.0 I An AI-driven real-time platform for policy efficiency, workforce upskilling, and resilient economic growth.</t>
  </si>
  <si>
    <t>Australia’s Cybernetic Leap harnesses AI and real-time data for proactive policy decisions, bridging industries from healthcare to energy. By identifying bottlenecks, optimising supply chains, and dynamically allocating resources, this platform drives productivity, protects privacy, and fosters a skilled workforce—strengthening resilience and propelling Australia toward a sustainable, high-value future. 
Australia’s Cybernetic Leap 2.0 creates a phased, AI-powered ecosystem for real-time management of our economy, healthcare, energy, and more. By integrating diverse datasets under strict data governance rules, government and businesses can detect issues early—like supply chain disruptions or hospital overcrowding—and act quickly. This approach encourages upskilling, attracts global talent, and strengthens Australia’s standing as an innovation hub.</t>
  </si>
  <si>
    <t>Australia’s Cybernetic Leap 2.0 is a national initiative to transform how we govern, allocate resources, and respond to economic or social challenges. By integrating real-time data from key sectors—healthcare, energy, manufacturing—we can detect emerging bottlenecks and surges before they escalate.
Creating a Dynamic and Resilient Economy
Through continuous monitoring of supply chains, workforce needs, and consumer demand, this AI-powered system offers timely alerts that enable swift policy interventions. Early detection of disruptions reduces economic shocks and keeps Australia competitive in a rapidly changing global landscape.
Building a Skilled, Adaptable Workforce
A robust cybernetic platform requires a new wave of AI engineers, data scientists, and cybersecurity professionals. Investing in specialised education and training not only drives innovation at home but also positions Australia as a destination for high-value digital skills.
Harnessing Data and Digital Technology
A National Data Council would govern data sharing and privacy, ensuring citizens’ rights are respected. By setting clear standards for interoperability and encryption, we enable both public and private sectors to collaborate safely on large-scale challenges, boosting overall productivity.
Delivering Quality Care More Efficiently
In healthcare, real-time insights can predict patient influx and disease outbreaks, helping hospitals allocate resources accurately and cut waiting times. This data-driven approach improves patient outcomes while lowering costs.
Investing in Cheaper, Cleaner Energy
By linking renewable energy sources, battery storage, and consumption patterns, an AI-managed grid can balance supply and demand in real time. This reduces energy costs, curbs emissions, and advances Australia’s goal of achieving net zero.
Vision for Growth
We propose a phased rollout—starting with pilot programs in key sectors, followed by broader expansion. Alongside technical innovation, an AI ethics committee and regular audits will uphold transparency. With each stage, the system evolves to meet Australia’s diverse needs, fostering a resilient economy and a culture of evidence-based policymaking.</t>
  </si>
  <si>
    <t>Invest in Children and Parenting</t>
  </si>
  <si>
    <t>Instead of funding more and more childcare and earlier education for children so parents can return to the workforce, invest in supporting parents to stay at home with their children and support them to learn parenting skills for happy, healthy, secure children. Help parents teach their own children basic life skills so they can learn to be resilient, safe, independent and healthy. (improve basic emotional bonding, less screen time, improved communication, nutrition, exercise, budgeting, relationship skills, emotional regulation, problem solving, navigating challenges such as pornography, online abuse, bullying, addictions, self protective behaviours etc etc)</t>
  </si>
  <si>
    <t>Instead of 'outsourcing' parenting responsibilities to schools, there is a refocus on building stable, happy and healthy families (in whatever form) whereby children are raised, nurtured and equipped to join society in a functional way.
This means formal education will more effective and efficient, children are more adaptive and healthy, and less public money is spent on health, welfare, rehabilitation or the justice system</t>
  </si>
  <si>
    <t>Rapidly accelerate climate action by engaging all Australia’s associations, and through them their extensive numbers of members and stakeholders.</t>
  </si>
  <si>
    <t>Associations operate in every aspect of Australia’s economy and community. They have enormous reach and influence with their members and wider stakeholders. Yet they are essentially inactive on climate change adaptation and an untapped resource for emissions reduction. With just a modest investment, a program of engagement, training and mentorship would allow associations (which have limited capacity) to review policies and implement strategies across their sector/field of influence.</t>
  </si>
  <si>
    <t>Activating member-based organisations on climate change issues would contribute substantially to Australia’s emissions reduction targets, sustainability and overall productivity. Associations – whether in industry, business, professions or community – are a largely untapped resource. Help is needed to transform associations from business-as-usual to proactive climate-wise leaders, but doing so will improve their members’ attitudes, actions and investments. No other program to date has targeted associations on climate change readiness and emissions reduction. 
Each association has two unique advantages: 1) specialist knowledge and understanding of their field of operation, and 2) major influence with members and as a representative body. 
Australia has more than 4,000 associations – from large industry (eg. hospitals, cement industry, construction), through SME sectors (eg. retail, bakers, floor coverings), all types of professions (eg. engineers, accountants, surveyors) large and small community groups (eg. social services, community clubs). While government policies target a few specific sectors, a complementary program can extend activity to member-based organisations across the spectrum. 
Governments alone cannot achieve the changes needed to reach our emission reduction targets and prepare 26 million Australians for the impacts of climate change. Associations are a conduit to a much wider group across the nation. Leadership by associations can influence, motivate and guide their members, whose individual actions in turn influence their own operating environment.
The return on investment for such a program is enormous. A modest outlay would enable exponential impact. Currently, a voluntary program, ClimateWise Associations, has laid the foundations for this transformation. It includes assessment tools to benchmark initial status and subsequent progress. Staffing the program would enable and expedite expansion, with flow-on effects across Australia’s essential business, industry, professions and community sectors. Including incentives in the program, via grants and other rewards, would further help generate action across sectors. 
Emissions reduction
Associations can have a key role in emissions reduction. They can direct their own investments to sustainably managed funds and businesses (and guide members to do the same). They can also motivate and guide members to review their own emissions. Scope 1, 2 and 3 emissions can be addressed when associations and their members invoke their own powerful influence. For example, retail association members can source goods only from low emission suppliers, which flows on across the whole supply chain (see diagram supplied). 
Climate change resilience
Climate change impacts include disruptions to supply chains and infrastructure. Using sector-specific knowledge, associations can assess and quantify risks and opportunities. They can then develop strategies to manage these as part of forward planning, thereby minimising losses.
Identifying positive opportunities in a green economy provides avenues to substantially increased productivity. 
Sustainability
Many associations particularly have significant numbers of SME members. Engaging and supporting associations is an efficient and effective way to reach and activate small business.
Efforts to implement a circular economy and good waste management can be accelerated through a climate-wise associations program. This would lead to significant productivity gains. 
Conclusion
Failure to manage climate-related risks leaves Australia to face enormous costs to individual enterprises and citizens, but also to the economy and society as a whole. Research has shown how few associations currently plan for impending impacts. The actions recommended in this submission provide a framework for activating associations through a targeted, highly cost-effective program. Implementing this would achieve a very substantial contribution to the nation’s productivity.</t>
  </si>
  <si>
    <t>Increasing Senior Workforce</t>
  </si>
  <si>
    <t>Allowing Seniors and retirees to work more hours without their pension being affected. They simply pay tax on their additional income.</t>
  </si>
  <si>
    <t>The senior workforce offers experience, maturity and a wealth of wisdom. Seniors are motivated to work by financial necessity, but also by wanting to continue to make a contribution to society and utilise their skills and knowledge. Many are happy to be employed in unskilled roles as a change from previous professional and stressful roles or business pursuits. 
The senior workforce is considered reliable, professional, committed and self- motivated.
I am a retired Health professional.  I enjoy retirement from my professional role, but still want to be meaningfully employed to maintain my health, social engagement, skills, and sense of purpose. I also want to supplement my income from self funded superannuation and my husband's small pension to save for travel and home maintenance.
I live and work in a tourist town where their are both workforce and accommodation shortages.I currently work doing night fill for a supermarket where the workforce has a large proportion of pensioners who would be happy to work more if their pensions were not affected. The team is stable, motivated, efficient and productive.</t>
  </si>
  <si>
    <t>Lifting Australia’s R&amp;D performance: Develop a national research strategy and formally adopt a target of 3 per cent of GDP invested in R&amp;D by 2035</t>
  </si>
  <si>
    <t>The following should be implemented over a decade:
•	Expand the current Business Research and Innovation Initiative.
•	Leverage the R&amp;D Tax Incentive.
•	Boost Australia’s R&amp;D workforce and capacity of Australian university research.
•	Facilitate expenditure in R&amp;D by superannuation funds and business-university collaboration.
•	Establish a fund similar to the MRFF with links to basic research.
•	Coordinate knowledge precincts. 
•	Implement open access to research funded by the Government.</t>
  </si>
  <si>
    <t>By implementing a 10-year reform roadmap the Government can drive Australia’s innovation and productivity so that it underpins future prosperity. The reform roadmap can be implemented over the short, medium and long term.
Short term (1–2 years): 
•	Expand the current Business Research and Innovation Initiative (BRII) by introducing a Small Business Technology Transfer (STTR) type program to incentivise SMEs to collaborate with Australian research institutions. 
•	Leverage the Research and Development Tax Incentive by offering an additional equity or debt finance incentive from the National Reconstruction Fund to businesses that qualify and enter into formal R&amp;D collaboration with an Australian research institution.
•	Boost Australia’s R&amp;D workforce through skilled migration: 
o	Under the new Skills in Demand visa provide direct and expedited permanent residency for international students obtaining a PhD at an Australian university in areas of critical need. 
o	Through the new National Innovation visa, include specific provision for the attraction and retention of high-quality international researchers.
•	Further invest in the domestic R&amp;D workforce by: 
o	Prioritising reform of the Job-ready Graduates funding rates to raise STEM supply through universities. 
o	Ensuring stipends and scholarships for higher degree by research students are attractive to retain and grow the pool of researchers in Australia.
•	Boost the capacity of Australian university research by: 
o	Instigating greater diversity of mission, scale and focus among universities delivering research.
o	Providing full economic cost support for government research grants to universities.
o	Removing the university sector’s reliance on international fee revenue for funding research.
o	Introducing National Strategic research block grants to support core research.
o	Boosting the effectiveness of the Higher Education Research Commercialisation Intellectual Property Framework.
Medium term (3 to 5 years): 
•	Facilitate the presence of additional intermediaries and aggregators (between superannuation funds as investors and early-stage enterprises as investees) to encourage expenditure in R&amp;D by superannuation funds. 
•	Facilitate further collaboration between businesses and the research sector, including:
o	Strengthening the National Collaborative Research Infrastructure Strategy program by adopting a life-cycle approach to funding for national research infrastructure; specifying a requirement to aim for productive engagement and partnerships between researchers, industry and the broader community; and including explicit provision for researchers to access priority international research infrastructures.
o	Pursue Australia’s participation in globally leading-edge research consortia and collaborations (such as Horizon Europe).
•	Ensure that proposals for competition reform explicitly consider implications for long-term innovation in Australia and rebuild the momentum achieved by previous competition policy reforms. 
Long term (6 to 10 years):
•	Establish a fund similar in scale to the Medical Research Future Fund (MRFF) focussed on fields of research outside of the MRFF, with a strong link to basic research.
•	Work with States/Territories and local government to coordinate existing programs and support to incentivise development of knowledge precincts through co-location of Australian universities and businesses.</t>
  </si>
  <si>
    <t>AI-driven universal essential oral healthcare</t>
  </si>
  <si>
    <t>Universal access to essential oral healthcare remains a major government funding gap under Australia’s universal public health insurance system, Medicare. Fully integrating the use of artificial intelligence technology in dentistry and routine clinical practice can transform how publicly funded dental services is provided in a cost-effective and equitable way. Artificial intelligence technology has the potential to support oral healthcare that achieves outcomes that matter most to consumers.</t>
  </si>
  <si>
    <t>or less)
In 2023, the Select Committee into the Provision of and Access to Dental Services in Australia increased the visibility on oral health inequities and made 35 recommendations to the Australian Government. In particular, the Grattan Institute’s 2019 report Filling the gap: A universal dental care scheme for Australia (3) aligns with Recommendation 35 from the Senate Committee’s report, 
“The committee recommends that the Australian Government works with the states and territories to achieve universal access to dental and oral health care, which expands coverage under Medicare or a similar scheme for essential oral health care, over time, in stages ”.
	Dental services in Australia are largely provided using the fee-for-service payment model with a dental item schedule based on the Australian Dental Association’s Australian Schedule of Dental Services and Glossary 13th Edition. This includes the previously ceased Chronic Disease Dental Scheme and the existing Child Dental Benefits Schedule. Similarly, the private sector and private health insurance policies have adapted the fee-for-service payment model. The eight independent state and territory dental programs have also adopted the fee-for-service payment model, each having their own schedule of dental services. 
	Existing Australian Government publicly funded oral healthcare is duplicative to the eligible population and they are complex to navigate for consumers. Additionally, there are concerns reported by the Productivity Commission 2017 Inquiry Report No. 8, that consumer choice is uncontested when utilising state and territory dental programs and there is a continued fragmentation of dental services from primary care.
	Despite the wide acceptance of the fee-for-service payment model for dental services, restrictions, and level of reimbursement, primarily the Child Dental Benefits Schedule and those covered under private health insurance policies, have never been subjected to health technology assessment. 
	Health technology assessment is used for intervention funding considerations recommended by the Medical Services Advisory Committee and the Pharmaceutical Benefits Advisory Committee, which lists health technologies for publicly funded reimbursement on the Medicare Benefits Schedule and the Pharmaceutical Benefits Schedule, respectively. The absence of health technology assessment applied to dental services in Australia has meant that little is known about the health economic benefits of publicly funded Australian government dental schemes and the various independent eight state and territory dental programs.
Consumers accessing public oral healthcare continue to face significant challenges, with eligible adults waiting up to three years to receive comprehensive dental care. Fully integrating artificial intelligence technology can revolutionise the way oral health and oral disease risk is assessed to enhance timely, person-centred and preventive-focused care in an economically sustainable and cost-effective way. The likely benefits to expand government funded dental services including reduction of oral diseases and improved health equity. Improved population oral health can result in increased work productivity by taking less time off work due to oral diseases, improve education outcomes due to reductions in school absences, and the co-benefits in preventing other non-communicable diseases.
In 2024, CoTreat Pty Ltd partnered with a Victorian community health service to safely deploy artificial intelligence technology to enhance service delivery and improve health outcomes and experiences of consumers utilising Victorian public oral healthcare. The pilot study results demonstrated that there was a 98% agreement between CoTreatAI and senior dental practitioners, to determine consumers with higher oral health needs who require urgent care and were exempted from the adult dental waitlist. Further research and evaluation activities applied in the real-world can provide robust evidence to support artificial intelligence technology adoption statewide and by other Australian state and territory public dental programs.</t>
  </si>
  <si>
    <t>Make landlords pay gas bill fixed fees to reduce split incentives for renters</t>
  </si>
  <si>
    <t>About half of all Australia's homes have a mains gas connection. But as we head to zero emissions, gas is being wound down. Homeowners will follow the money and electrify to reduce their bills. 
But because landlords don't face any costs from continuing to install gas appliances - cheap to install but expensive to run - renters will be left facing the escalating cost of the gas network as it recovers fixed costs from fewer and fewer customers. Renters are the lowest wealth group of Australians who can afford this the least.
Multiple changes are needed to make this transition work, but one that could help is to require gas bills on new leases to be put in the name of the landlord, and only allow them to pass on usage fees to the tenant - similar to water bills. 
Having a gas-connected home is of limited-to-no utility to renters, so there will be limited ability for landlords to raise rents in response. Instead, they will have at least a small reason to consider choosing electric alternatives as replacements arise.
We should also make bills transparent for renters, and require electric replacements under minimum standards frameworks. Nevertheless this is a simple market-based response that could help make the rental system fairer.</t>
  </si>
  <si>
    <t>There are 2.36 rental moves for every home sale each year (740,000 renter households moved last year vs 315,000 owners) based on ABS housing mobility data. So interventions in the rental listings market will affect homes much faster than interventions in the selling market, and have much more impact since renters are unable to respond to signals like gas price increases (unlike homeowners).</t>
  </si>
  <si>
    <t>Tax Wealth, Not Work</t>
  </si>
  <si>
    <t>Younger Australians want to get educated and be entrepreneurial. But our futures are being denied. 
Older generations naturally control much of the nation's wealth. As custodians, they have a responsibility to share capital and opportunity. 
Instead, younger Australians are loaded up with housing and student debt, with rents extracted from them, while exploited via insecure or unpaid work. 
We believe the answer to flagging productivity is to unlock the talents of Australia’s younger generations, rather than burying them in a life of debt and growing tax burdens.</t>
  </si>
  <si>
    <t>Entrepreneurship from the young is crucial for economic development and drives the intergenerational distribution of wealth as business ownership spreads.
However, existing wealth holders often pay less tax than newcomers, and access to capital is increasingly concentrated. We claim to be an entrepreneurial society, but the real rewards come from having money and dumping it into property or superannuation.
Instead of spending billions subsidising the already wealthy, we should flip the tax system and support the entrepreneurial ambitions of younger generations. We can introduce inheritance and wealth taxes to fund lower income taxes, free education and affordable housing allowing all young people the freedom to experiment, play, learn or invest without the financial stress currently holding them back.
We need tax reform to drive behaviour change, from unproductive wealth accumulation to broad-based economic security that supports the next generation. For Australia's future it's vital that the next generation can get on the bottom rung of the wealth creation ladder and have a stake in our economy.</t>
  </si>
  <si>
    <t>Reform Government Service Delivery</t>
  </si>
  <si>
    <t>Expensive consultants and private companies deliver services that an efficient government could do. Instead, we have a layer of government bureaucracy that tries to oversee consultants and private companies doing routine work that that governments could and should do. That regulation in many cases is poor and/or conflicted. In addition, we pay an extensive profit margin to those same consultants and private companies who see it as an opportunity to milk the government (teat).</t>
  </si>
  <si>
    <t>An example of poor government delivery and waste is in employment services. Coordination should be re-centralised with private companies only providing training services, not the management of people seeking employment (where they don't in practice really compete against each other). People can readily access specialist job advertising organisation's like Seek so there is no need to use companies that try to do this and manage unemployed people at the same time. Businesses are better when they have a clear focus (like advertising) rather than when they have a mixed set of objectives like exists currently with jobs organisations. Hence, less people in the economy will be required to deliver the same service because of the elimination of those regulating employment agencies and the businesses each having their own accounts people (multiple duplications) and profit margins.</t>
  </si>
  <si>
    <t>Remove unnecessary barriers to medical device and assistive technology repair</t>
  </si>
  <si>
    <t>Unnecessary barriers to medical device repair cause devices to stop working prematurely, cause unnecessary costs to hospitals, generate additional waste and inhibit timely patient care. Removing barriers to repair means countering anticompetitive practices by medical device manufacturers in the repair field, guaranteeing adequate access to parts and information for independent repairer companies.</t>
  </si>
  <si>
    <t>The problem of hospital waste has recently come into focus, and the the idea of 'net zero hospitals' has arisen in the sustainability conversation. The focus so far has been on reducing plastic waste and on recycling, however there is also a lot of money to be saved—and waste to be avoided—by promoting and encouraging independent repair of hospital medical devices and of user-managed assistive technology. 
The Productivity Commissions' 2021 report on Right to Repair identified unnecessary and avoidable barriers to repair in the medical device market. Barriers to medical device repair include manufacturer limitations on spare parts, an insistence on 'authorised' (i.e. manufacturer-approved) repair services, and difficulty in obtaining repair information such as manuals and software diagnostic codes, which are considered valuable IP by manufacturers and are jealously guarded. These barriers lead to delays in providing adequate care to patients, cause additional costs to hospitals and contribute to Australia's growing e-waste stream. The Commission made note of the relative concentration of the medical device market, with the consequent potential for anticompetitive practices in the field of repair. Most of the findings of the Commission in respect of medical devices can also be applied to user-managed assistive technology such as wheelchairs and prosthetic limbs. 
Keeping medical devices in operation with appropriate maintenance and repair is much more efficient and environmentally friendly than trying to recycle their materials and then buying again. Hospital equipment budgets are already enormous: an effective equipment repair program helps to avoid unnecessary drains on the public purse and reduces our waste stream. We also note in this respect the recent announcement by the Federal Treasurer's recent announcement supporting a broad government commitment to the Right to Repair. 
In order to deliver quality care in a more sustainable way (Productivity Pitch Area 4) and head meaningfully toward the net zero transformation (Productivity Pitch Area 5) we encourage the Productivity Commission to investigate ways in which barriers to medical device and assistive technology repair can be removed, by: 
1. Carrying out the Commission's Recommendation 4.2 of its Right to Repair report, and investigate whether the Therapeutic Goods Administration (TGA) medical device regulations need to be adjusted to strike a better balance between repair and safety, and
2. Go further than this, by ensuring that the medical industry, including both medical devices and assistive technology, are explicitly covered by any broad right to repair law, including for example repair supply obligations legislation similar to those existing in the automotive industry, and repair-based fair dealing exceptions to Australian copyright law.</t>
  </si>
  <si>
    <t>Housing taxes</t>
  </si>
  <si>
    <t>Make it easier for people to rent out spare rooms in houses. Currently there are disincentives by way of: Income tax, capital gains tax or loss of government benefits.</t>
  </si>
  <si>
    <t>This may provide some immediate relief for the housing crisis. Should not cost the government very much, would be popular and could possibly be implemented without even needing new legislation (only regulation)</t>
  </si>
  <si>
    <t>Slowly adjust taxes</t>
  </si>
  <si>
    <t>Increase GST and reduce company tax by, say, 1% a year.</t>
  </si>
  <si>
    <t>By doing this in small increments it’s easier for the public to adjust (and the politicians might be less fearful). Also index PAYG bands at the same time so everyone gets something and we end up with a better tax system.</t>
  </si>
  <si>
    <t>Fast-tracking projects that gain social licence up front</t>
  </si>
  <si>
    <t>The proposal we put forward to the Productivity Commission is to consider fast-tracking that provides advantage to those companies that can earn a social licence with its communities ahead of the licencing process. In this way, the companies that have the capability to resolve concerns effectively on social and environmental matters are given the privilege of a more certain project pathway. 
When the government wanted to expedite the transmission lines in Victoria it introduced the powerful National Electricity (Victoria) Amendment (VicGrid) Act 2024 that enables the Minister the authority to modify regulatory arrangements to streamline the development process for critical infrastructure projects. Farmers protesting the transmission lines were able to amplify the outrage on the introduction of the act which has failed to fast-track securing land access agreements for properties in the corridor for transmission lines. As of September 2024 just 100 of the 540 properties in just over 1 year. The case study reveals the risk of outrage growing when stakeholder control is reduced and the impact on delays. This is typical of the current "in play" strategies that do not serve the national interest. Outrage is predictable and manageable, but the government currently undervalues the proactive management. By providing an incentive for companies to address the issues effectively up front, it can reduce the delays, enable FMIA community benefit principles to be taken into account and create a more secure investment environment for the net zero transition.</t>
  </si>
  <si>
    <t>Australia risks missing out on the extraordinary economic opportunity to lead in critical minerals, essential for electric vehicles, renewable energy, and advanced defence systems. 
The Federal Government is currently seeking to pass a $7 billion critical mineral production tax incentive to ensure Australia capitalizes on the next mining boom. Yet, controversy surrounds the community benefit principles mandated under the Future Made in Australia Act 2024 (FMIA), which links these incentives to commitments like creating well-paid jobs, fostering inclusive workforces, engaging communities, and strengthening domestic industrial capabilities.
While the minerals industry argues that these principles add unnecessary regulatory burden and duplication, it highlights the problem with Australia’s outdated regulatory framework. Mining regulation in Australia was developed to support large deposits of high volume, competitive exports, like coal and iron ore. But critical minerals like scandium, germanium and cobalt deposits are generally discreet, low volume, but high value resources with proportionally higher compliance costs, making development much riskier. 
The problems aren’t just regulatory. A new development model is urgently needed, one that aligns Indigenous, environmental and community priorities with project design up front. This shift would replace conflict with cooperation. Traditionally in mining, the geology of the deposit dictates the design of the mine and its infrastructure to maximise returns. It is part of the sunk costs, rarely counted in either dollars or time, to address the concerns of Indigenous, environmental and community or unforeseen technical challenges. 
With the overwhelming majority of critical minerals deposits held on land covered by native title there is a strong need to secure free, prior and informed consent (FPIC) from Indigenous communities and secure environmental compliance. 
Rather than leaving the design of the project in the hands of engineers alone, critical minerals warrants alignment with Indigenous communities about the design of the mine, impact and accountability upfront. The alignment could enable approval and development timeframes to shift the incentives from conflict to cooperation. 
Rather than viewing the FMIA principles as an overlay, they could be used to modernize approvals by integrating environmental, Indigenous, and community consultations upfront. A streamlined permitting framework could cut the staggering 16-year average for mining approvals and help meet global demand for critical minerals.
Public sentiment is clear: Australians want responsible mining practices and they consider environmental impacts and local community accountability critical predictors. The CSIRO’s Australian Attitudes Toward Mining 2024 survey reports that trust in the industry increases when communities feel empowered to influence projects. 
If project designs incorporated meaningful community engagement and prioritized environmental management from the start, public trust would grow, and projects would face less resistance. This approach would also enhance perceptions of the industry as a responsible and forward-thinking sector.
To achieve this shift, the government must move from rhetoric about agility to tangible reforms. 
First, government has to avoid regulatory duplication so there is a consolidation of overlapping processes and prioritize consultation early to boost project approval chances and attract investment. 
Second, government should reward projects that achieve upfront environmental and Indigenous agreements with faster approvals, shifting the model from conflict to cooperation. It is possible to utilise the FMIA community benefit principles can be applied to the design process for critical minerals mines, processing and infrastructure. 
Third, government should provide a pathway for regionalised approvals rather than a project-by-project basis. Doing so will enable miners to share regulatory and planning costs and improve increase project viability along with increasing the chance that projects will be approved in critical mineral hubs.
Fourth, the government should support onshore processing to retain more value in Australia and reduce dependence on geopolitically sensitive supply chains.
The Commonwealth’s Critical Minerals Strategy acknowledges the importance of financing and processing projects, but progress of mineral development has stalled rendering these initiatives moot. Without extracted minerals, processing and financing plans remain hypothetical.
Despite Australia’s abundant critical minerals resources, 70% remain undeveloped due to regulatory inefficiencies. Differentiating between deposits being hoarded as speculative investments and those uneconomical under current regulations is essential. In today’s system, the speculative value of deposits often outweighs the financial risks of the “valley of death”—the costly, lengthy path to mine development that drives share prices down and discourages investment.
If we could increase the certainty of the licencing timeframe with the support of the local community and demonstrably improve environmental outcomes, we may be able to increase the number of Australians overall who support mining because the reforms would not simply cut green tape which currently protects the environment. It’s about enabling a fair, efficient system that supports innovation, empowers communities, and strengthens Australia’s global position.
Today, China controls more than 60% of global critical minerals processing capacity. This concentration poses a significant geopolitical risk, as evidenced by China’s recent halt on exports of three critical minerals to the USA. 
Australia should be a leader in supplying alternative sources to reduce supply chain vulnerability and to strengthen our strategic independence. By modernizing regulation, prioritizing community collaboration, and enabling smarter project approvals, Australia can seize its critical minerals opportunity and secure its place as a global leader in this essential sector.
Critical minerals are more than an economic opportunity—they are the key to our future security and prosperity. The time to act is now.</t>
  </si>
  <si>
    <t>HECS for Start-ups:   Revenue-Contingent Loans to Bridge the ‘Valley of Death’</t>
  </si>
  <si>
    <t>Introduce publicly financed, revenue-contingent loans (analogous to HECS) to bridge the start-up funding gap. This will invigorate start-ups, assist university engagement and help enhance Australia’s innovation and productivity, while minimising the burden on the taxpayer, as the loan would not need to be repaid until the innovating firm returns a profit, and repayment is then based on a percentage of the annual revenue generated. Australia has been a pioneer with revenue contingent loans and this allows the achievement to go further ahead of the world again.</t>
  </si>
  <si>
    <t>HECS for Start-ups:  
Revenue-Contingent Loans to Bridge the ‘Valley of Death’
Issue
Australia has long had a poor record of commercialising university research, in large part because of its underdeveloped venture capital market. As a result, too few research-based start-up companies succeed in passing the ‘valley of death’, the difficult point where an innovation is yet to be successful in revenue terms.
Policy solution
Introduce publicly financed, revenue-contingent loans (analogous to HECS) to bridge the start-up funding gap.  The loan would not need to be repaid until the innovating firm returns a profit, and repayment is then based on a percentage of the annual revenue generated.  The system can be designed to incorporate subsidies. 
Process
•	Research-based start-up companies applying for loans are peer-reviewed by a government-appointed committee that includes industry and research experts
•	Turnover and loan limits apply to the start-up
•	Loans are recovered through the BAS system, starting with a very low percent of annual revenue once the start-ups turn a profit
•	To minimise government subsidies a surcharge can be added to the loan for successful ventures to cover those start-ups that are unsuccessful
•	The more successful companies can cover most of the failed companies’ losses to approach revenue neutrality.
Risks
Scheme design would need to address both ‘adverse selection’ and ‘moral hazard’. The former is the possibility of the attraction of poor proposals, and this can be mitigated through both peer-review and the requirement of proposals having a university partner. Moral hazard would take the form of start-up companies acting in ways to minimise repayments, and this is mitigated through simple use of revenue information required as part of the Business Activity Statement.
Recommendation
Develop the policy in detail including specification of: (a) the cap on company turnover; (b) the percentage of revenue planned to be recovered, potentially dependent on revenue level; and (c) the surcharge required to minimise subsidies.  
Then, implement the policy, invigorate start-ups, assist university engagement and help enhance Australia’s innovation and productivity.
Australia has been a pioneer with revenue contingent loans. It can capitalise on this first mover comparative advantage and implementation experience and widen the application of this distinctive Australian policy model.
References
Bruce Chapman, Timothy Higgins and Joseph E. Stiglitz (eds.), Income Contingent Loans:
Theory, practice and prospects, Palgrave McMillan, New York (2014)
Ken Baldwin, Bruce Chapman and Glenn Withers, HECS-style loans can fix Australia’s R&amp;D funding deficit, The Australian, May 14, 2024.</t>
  </si>
  <si>
    <t>Streamline real estate transactions</t>
  </si>
  <si>
    <t>Create an independent agency through which property can be advertised, bought and sold. It would be an alternative to real estate agencies, competing with them by offering flat fees for services. It's employees would earn fixed wages, with no commissions. Clients could choose services like advertising and showing buyers according to their need and budget.</t>
  </si>
  <si>
    <t>R/E sales agents often (not always ) add very little value to a transaction yet charge a significant fee. This effectively inflates the price of properties. Agents on commission have an obvious interest in pushing up prices. An independent agency with salaried employees would have no such interest. Agencies under the current system do a lot of "busy work", like door knocking for potential sales, networking and promoting themselves, activities that do nothing for buyers, sellers or the economy in general.  An independent agency with economies of scale, fewer employees, no profit motive and the digital technologies already in use could deliver much cheaper services, while users could still choose to pay for traditional agency services if they wish. There are already DIY R/E services that bypass agencies: FB marketplace, online markets and flat fee online agents. Their growing market share is evidence that a well organised, regulated, publicly owned agency would be viable and beneficial to the nation.</t>
  </si>
  <si>
    <t>Local Governments Purchase Permanent Carbon Removals to seed new CDR industries in their region.</t>
  </si>
  <si>
    <t>Early adopters in Australia are already initiating biochar production, placing the country on the map in the burgeoning market for permanent carbon removal.  However, the nation has the potential to do even better. By expanding biochar production on an industrial scale, Australia can seize the opportunity to lead the world in carbon removal, earning export revenues and creating jobs in the process.</t>
  </si>
  <si>
    <t>Australia could lead the world in permanent carbon dioxide removal by scaling biochar production. Biochar is a stable, carbon-rich material produced by pyrolyzing organic waste, locks away carbon for centuries while offering economic and environmental benefits to boost productivity.  Industrial scale biochar production would allow Australia to capitalize on its biomass resources, create jobs, generate exports and boost productivity.
Biochar is made by heating organic materials, usually agricultural and forestry waste, in low-oxygen conditions through pyrolysis. This converts carbon in plants into a stable charcoal form, preventing it from re-entering the atmosphere as carbon dioxide or methane.  Properly produced biochar remains stable for over 100 years, delivering permanent carbon sequestration.
Beyond carbon removal, biochar has multiple uses, including improving soil health, boosting agricultural productivity, and as a low cost construction material.  It increases soil water retention, reduces fertilizer runoff, and supports a healthier soil microbiome. Farmers and biomass processors benefit by turning waste disposal costs into revenue streams through biochar production and sales to boost their productivity.
Economic and Environmental Benefits
Demand for permanent carbon removal solutions is growing, driven by global corporations and governments commitments to achieve net-zero emissions.  Permanent carbon removal credits, like those from biochar production, sell for over €100 per ton on international markets, compared to the lower prices of Australian Carbon Credit Units (ACCUs).
The United States and European nations are accelerating their carbon removal industries. Australia, with its advanced agricultural and forestry sectors, can seize this opportunity by scaling up biochar production. Doing so would not only reduce global CO₂ levels but also position the nation as a leader in the burgeoning carbon removal economy and deliver a low cost, high quality industrial supply of biochar to boost national productivity.
Role of Governments
To encourage biochar production, local and regional governments can act as seed customers by offering a "put" option for carbon removal credits. They would commit to purchasing a specified amount of credits from local biochar producers in their region at a set price, provided the carbon removal activities occur in their jurisdiction. This initiative would:
Create jobs and stimulate economic growth.
Provide assurance to lenders and investors, unlocking private investment.
Support the development of biochar companies without long-term government expenditure.
Over time, as global demand for carbon credits grows, biochar producers may choose to sell their credits to higher-paying international buyers, leaving government purchase offers unused. Nonetheless, the industry’s growth would result in profitable, taxable businesses and export opportunities.
Australia’s Competitive Edge
Australia’s large-scale biomass production provides a competitive advantage in biochar. Agricultural residues, forestry waste, and other biomass sources can be transformed into biochar using existing off-the-shelf pyrolysis equipment.  This not only enables carbon removal but also adds value to otherwise discarded materials, creating additional revenue streams for farmers and biomass processors.
Despite these advantages, awareness of biochar’s potential remains limited in Australia. Many decision-makers are familiar only with lower-priced ACCUs and are unaware of the lucrative international voluntary carbon credit markets and increased productivity biochar production could deliver, but early adopters in Australia are already placing the country on the global carbon removal map.
Path Forward
Achieving net-zero emissions requires removing excess CO₂ from the atmosphere, complementing emission reductions.  Natural carbon sinks (forests and oceans) absorb some CO₂, but engineered solutions like biochar are required.
Australia’s competitive spirit and biomass resources make it well-positioned to lead. By scaling biochar production, stimulating public demand, and capitalizing on international carbon credit markets, Australia can become a global carbon removal superpower while addressing climate change, drive economic growth, sustainability, and innovation, boosting productivity and benefiting the nation.</t>
  </si>
  <si>
    <t>End negative gearing</t>
  </si>
  <si>
    <t>End negative gearing. It won't solve all of our housing problem, but it would be a great start.</t>
  </si>
  <si>
    <t>Stop incentivising people to own more than one house. Then perhaps more people would be able to one one instead of none. And the capital that was used to inflate the price of houses for investors could be put into a productive part of the economy.</t>
  </si>
  <si>
    <t>Electrify business: Electrifying commercial and industrial processes to make energy cheaper, eliminate emissions and improve business productivity</t>
  </si>
  <si>
    <t>Federal funding for the electrification of industrial or commercial processes where businesses are currently burning fossil fuels. Electrifying these processes will substantially eliminate a material component of Australia’s greenhouse gas emissions while also increasing the utilisation of energy networks (lowering the cost for all users).  It will provide businesses with an affordable avenue to eliminating their emissions, and reduce their exposure to price volatility and availability of fossil fuels - improving business confidence to invest for the future.</t>
  </si>
  <si>
    <t>By addressing a gap in existing government funding incentives, the funding would catalyse an accelerated and material reduction in scope one emissions associated with Australia’s commercial and industrial processes. In doing this it would aim to make a substantial contribution to Australia achieving its net zero targets.
The funding would fast track the deployment of commercially available technologies for commercial and industrial heat decarbonisation that are yet to be adopted at scale in Australia. This includes technologies that are technologically proven and commercially available but are currently regarded as having an unacceptable payback period for most potential use cases (such as electrothermal energy storage). 
The funding would help Australia’s commercial and industrial businesses find the lowest cost pathway to substantially reduce their emissions, and ensure that they do not remain vulnerable to volatile fossil fuel prices and availability. Implemented correctly, electrification technology should allow them to lower and stabilise their long run energy costs - improving their ability to plan and invest for the future. 
This funding would also introduce an element of equality for the first movers and early adopters in commercial and industrial electrification. By providing support for capital costs, the funding would ensure that the costs paid by the early adopters of relevant technologies were not punitive, and were closer to their long run, at scale levels.
Facilitating a moderate amount of smaller projects should assist technology providers to scale their production and deployment activities in Australia. As projects are progressively delivered, the funding would help to establish supply chains and build familiarity with relevant technologies, creating reference sites and fostering the commercial skills, processes and employment associated with decarbonised commercial and industrial heat technologies, all of which would contribute to lower costs for subsequent technology adopters. 
This funding will accelerate market development and adoption of technologies that have been comprehensively tested and proven by bodies such as the Australian Renewable Energy Agency. This would ensure alignment and complementarity with existing funding programs, rather than duplication.
Distribution networks in the National Electricity Market operate under a regulated, fixed revenue cap. In general, this means that as the utilisation of distribution networks increases, the per unit cost of electricity comes down for all users. This includes the costs experienced by individuals and families at home, by small businesses, and by larger commercial and industrial users. A commercial and industrial electrification program would help to lower energy costs by increasing the utilisation of existing latent capacity in distribution networks across the National Energy Market. In doing this it would directly address the cost of living. 
Any equipment installed under the scheme would have to be capable of digital communication and would be enrolled in some form of peak demand management scheme. This would ensure that it provided a new avenue to support grid reliability during times of stress or emergency. 
Beyond emergency situations, creating a mechanism as a part of any funding that incentivised the regular coordination of newly electrified load and renewable energy generation would help to further accelerate any decarbonisation and energy cost reduction achieved through the program. This would occur primarily through incentivising the utilisation of industrial electric equipment during the middle of the day when there are large volumes of renewable energy available. 
Ensuring any funding was open to supporting smaller projects with capital costs of less than $2 million would allow companies to ‘dip their toe in the water’ and become familiar with new technologies, facilitating future adoption. For larger companies, this would allow them to trial a technology at one site before rolling it out more broadly.</t>
  </si>
  <si>
    <t>National Insurer for homes and businesses</t>
  </si>
  <si>
    <t>We need a government owned and operated National Insurer. The insurer should be able to become the gold-standard of how an insurer should operate, providing prompt service, and assessments and, if applicable, payouts in a reasonable timeframe and manner.</t>
  </si>
  <si>
    <t>Insurance is a vital part of living in Australia, from operating a business to owning or living in a home. Insurance premiums, however, have skyrocketed in recent years, leading it to become a luxury item. 
Insurance is one of the costliest things that a business has to pay for (i.e. public liability), contributing to a rise in small business liquidations and a rise in goods and services. For many residents in Australia as well, they are simply unable to afford insurance anymore due to fall out of natural disasters. There is very little satisfaction in the product that is being delivered as well. Many of the current insurance models has a shareholder element in built to their corporate design, which does undermine the product that is being delivered to consumers. When you have to ensure that dividends are paid, something has to give, and that it normally a person being able to be compensated for flash flooding, or a fire. 
A government owned insurer can provide healthy competition to the market, re-balancing prioritises and providing insurance for people who need it. As climate change continues to impact Australia as well, there is a risk that insurers will pull out of markets completely, as has been seen in the USA, where many insurers have completely left states such as Florida and California. Therefore, there needs to be an established backups if/when that happens. 
By reducing costs associated with maintaining a business or household, monies can be diverted into other areas of improvement or productivity. A National Insurer that can provider better services can also positively impact the economy's ability to bounce back after a crisis, without businesses or individuals getting into debt waiting for claims to be paid out. 
By working out premium costs in a way that won’t impact on inflation, it would see potentially more affordable events and services.  
If other insurers are concerned that a national insurer will provide unfair competition, then reasonable limits can be placed on who can access it, i.e. small businesses with less than $10 million turnover, or residents in flood ravaged areas, or those on less than $100k a year.</t>
  </si>
  <si>
    <t>Put fewer people in gaol</t>
  </si>
  <si>
    <t>Gaols are filling, and especially with people who don't need to be there, many of whom were otherwise being productive or could be productive to the economy.</t>
  </si>
  <si>
    <t>People in gaol for licence-based driving offences (eg drive whilst suspended) very often had employment prior to their incarceration. Young people locked up in juvenile detention centres are almost always better engaged in the economy through diversionary programs. Incarceration is incredibly expensive. We should only lock up people for violent offences. Everything else could be dealt with more cheaply through healthcare, social work and wealth redistribution efforts.</t>
  </si>
  <si>
    <t>High quality coffee in large institutions</t>
  </si>
  <si>
    <t>A lot of people drink coffee, and walk some distance to get it during their work days. Providing high quality coffee on every floor of an office building would reduce the time employees spend away from their desks sourcing good coffee.</t>
  </si>
  <si>
    <t>Greater access to high quality coffee and coffee producing facilities in large office environments would likely be cheaper than coffee sourced from independent coffee shops. It would reduce time away from desks for employees. It would possibly increase worker contentment. It might also increase problems with increased coffee consumption.</t>
  </si>
  <si>
    <t>Review, reform and innovate government procurement practices</t>
  </si>
  <si>
    <t>Review, reform and innovate government procurement practices starting with the procurement arrangements for Australia’s employment services.</t>
  </si>
  <si>
    <t>Australia’s Rebuilding the Employment Services System report recommended that Australia's investment in employment services delivers quality support and successfully matches those seeking assistance to reduce the cost burden from unsuccessful outcomes. Essential for success is the transformation of government procurement policies, practices, contracts and contract management from a compliance-driven model to a value-based model to deliver positive social and economic outcomes. This includes (and is not limited to) reporting on value measures of performance, relevant quality metrics such as job readiness changes in jobseekers, adaptability mechanisms for service delivery changes to support jobseeker needs, quality training and benchmarking for services and staff, coordination in zoning, reducing double-funding, improved communication and government/provider engagement, faster service transfer and support, maps and more.  
Procurement contract objectives drive service delivery and organisational behaviour throughout service delivery. Federal and state departments should benchmark procurement contracts and practices against international best practice. Continual review of policy and approaches is needed to deliver and report ‘value’ against public investment rather than expenditure against compliance factors.  
Example benefits include: vastly improved ROI of social/public interests and money;  quality management of public money;  improvements for staff and clients; flexibility to innovate; improvements within the supplier organisation and business.</t>
  </si>
  <si>
    <t>Expand digital signatures</t>
  </si>
  <si>
    <t>During Covid, we saw many physical signatures substituted for digital signatures. That has reversed to some degree. We should return to replacing physical signatures with digital ones as much as possible.</t>
  </si>
  <si>
    <t>The adoption of digital signatures more broadly would save time and actually has the opportunity to create more secure and traceable attestations than a physical signature does.</t>
  </si>
  <si>
    <t>Sport and health vouchers</t>
  </si>
  <si>
    <t>A voucher for adults in Australia earning below a certain income which they can put towards health benefiting activities and services. This could include social sport, running clubs, gym memberships, physiotherapy or even part of the cost of a dietician.</t>
  </si>
  <si>
    <t>This would mean people of all income groups are healthier, able to be more productive at work, and less reliant on public health systems both as they age and through more preventative health. It would reduce loneliness, allow people to make connections and encourage more economic activity. People are likely to participate in further social activities as a result of this initiative. They'll go for coffee after and spend money in the economy through social activities. If people are healthier they will take less sick leave, and if people are ageing healthier there may be less need for people to take time off for carer responsibilities.</t>
  </si>
  <si>
    <t>Examine Australian Government responses to ANAO audits</t>
  </si>
  <si>
    <t>Many Australian Departments deliver their policy objectives by contracting or engaging with state governments or other organisations. However much of this work has reached a state of near-paralysis due to fears of a negative ANAO audit, based on my experience in multiple organisations, working with multiple departments. This leads to a "can't do" attitude rather than a "can do" attitude, where officials are very good at finding reasons not to do good work, rather than finding good ways of making things work. Often quite junior officials are holding up large milestone payments for spurious reasons, or multi-million dollar payments are being withheld for immaterial issues (such as lack of a receipt for a $3 parking ticket in one case I've seen).</t>
  </si>
  <si>
    <t>By empowering and equipping Government officials to take appropriate risk based decisions, reviewing responses to ANAO audits, and promoting a "can do" culture, significantly more work and outcomes can be delivered. This will lead to faster, more efficient and more cost effective delivery, lower delivery risk, increased willingness of organisations to partner with the Australian Government, and lower internal compliance costs. Of course it needs to be balanced against appropriate fraud, corruption and probity controls, however the wastage and inefficiency that can currently be seen is very poor.</t>
  </si>
  <si>
    <t>Crowdsourced road and rail network connectivity maps</t>
  </si>
  <si>
    <t>Finding good reception on Australia's road and rail network can be challenging as official coverage maps don't always align well with real reception when on the go. Allowing mobile users to run an app in the background which provides real connectivity and reception information into a central platform, which is then provided as open data for use in public transport and mapping apps would allow people to better plan and manage their remote work and connectivity, and increase worker and traveller safety. It would also provide better data for new communication infrastructure, providing at low cost both blackspot and usage data.</t>
  </si>
  <si>
    <t>Develop a new app (or partner with an existing app) to allow people to collect and share mobile connectivity data into a central Government platform. The data would be made available as open data, which users or other platforms could draw on (making it visible in eg public transport and mapping apps). This would allow, at low cost:
- remote workers to plan and manage their work better, increasing remote and commuting worker productivity
- travellers to have better communication and connectivity at minimal additional cost
- increased worker and traveller safety as people would be able to better manage and understand their communication options
- More efficient targeting of new mobile infrastructure by improving usage and blackspot data.</t>
  </si>
  <si>
    <t>To be more productive people need more rest</t>
  </si>
  <si>
    <t>https://www.researchgate.net/publication/309804103_The_impact_of_supplementary_short_rest_breaks_on_task_performance_-_A_meta-analysis
https://pmc.ncbi.nlm.nih.gov/articles/PMC9432722/</t>
  </si>
  <si>
    <t>More test not only increases productivity but also improves wellbeing and mental health.</t>
  </si>
  <si>
    <t>Finish the NBN</t>
  </si>
  <si>
    <t>While today's announcement of additional funding to fix the NBN is good, it does not go far enough and is in the wrong direction. 
Instead of overbuilding areas that have existing terrestrial connections, the Govt should be focussing on expanding the terrestrial footprint to cover areas designated as Fixed Wireless or SkyMuster (esp, those areas of SkyMuster closer to population centres).</t>
  </si>
  <si>
    <t>This would provide people and businesses with more ways to innovate, reduce congestion in cities by encouraging remote work, open up areas where business can expand. Currently a lot of these areas are abandoning NBN for Starlink, and in doing so, opening up a potential national security issue considering the direction the USA is going. 
Better regional communications infrastructure also benefits the education sector, providing more opportunities for remote students to study at our world leading universities remotely.</t>
  </si>
  <si>
    <t>Economics/Business as a core Primary subject</t>
  </si>
  <si>
    <t>We should be at the earliest stages giving kids the tools to understand the underlying principles of business and the how the various sectors of the economy operate and relate to one another, and showing them how rewarding entrepreneurship can be. These are fundamental learnings for the modern world.</t>
  </si>
  <si>
    <t>Instilling this understanding from an early age will make them more sophisticated economic agents, Immersion in, or at least significant exposure to, a culture of entrepreneurship should help to spark an interest in at least a certain percentage of students.
And broader understanding of key principles and theories among the voting public will likely lead to better long-run policy outcomes.</t>
  </si>
  <si>
    <t>Increase business and organisation efficiency</t>
  </si>
  <si>
    <t>Improve the efficiency of business and organisation processes - greatly reduce the Cost of Poor Quality.</t>
  </si>
  <si>
    <t>Most (all) organisations have inefficient processes, meaning a significant portion of the effort expended (of staff, or customers) is wasted. (Think of customer time wasted in HelpDesk queues; of staff time wasted with processes that are disconnected or doing stuff twice to get it right, etc). This is the Cost of Poor Quality. This can be some 30% - a significant drag on productivity. Helping organisations to greatly reduce this, is the low--hanging-fruit of productivity improvement. This is hidden in plain sight! Imagine what Australia could be like if we substantively eliminate waste! This may not be sexy, but it will be powerful.</t>
  </si>
  <si>
    <t>Management</t>
  </si>
  <si>
    <t>Have never in 40 years of employment had a good manager/supervisor and this permeates up through levels of management as people are promoted based on technical rather than management skills. Develop better management skills at the lower levels, geared to Australian workplaces and sensibilities and then managers will hopefully take these management skills up the ladder with them</t>
  </si>
  <si>
    <t>End White Entitlement and Incompetence then Embrace Equality</t>
  </si>
  <si>
    <t>Large employers should be required to have their employee base reflect the diversity of this nation at ALL levels, to include the boardroom.</t>
  </si>
  <si>
    <t>Predominantly white, male boardrooms are at the forefront of all of the companies that routinely violate environmental regulations and cause Australia to fail to meet it's environmental goals. These unintelligent and entitled men are kneecapping the nation by ignoring the millions of intelligent and driven women and people of color. People of color and women are routinely excluded from the important decision making levels, which has led to the environmental disaster the world finds itself in now. Australia needs to lead the way forward by uplifting the most marginalized voices and following their guidance. Increased produtivity will be a natural result of increased equality.</t>
  </si>
  <si>
    <t>Australia's path towards becoming a world leader</t>
  </si>
  <si>
    <t>By refocusing efforts on building relationships within Australia and the region Australia is in, Australia can become a regional leader for equality, education, and freedoms. This requires the bold step of turning away from European and American colonialism/imperialism, and facing the APAC region with objectivity and fairness</t>
  </si>
  <si>
    <t>Australia is increasingly an immigrant nation, and this should be embraced rather than turned away from. A diversity of backgrounds, opinions, and educations is known to result in higher levels of productivity. Unfortunately, Australia is failing in the most important aspect: equality. Leadership positions in both government and industry are still overwhelmingly white. This has led to a stagnation of outdated colonialist ideas and the opportunity for continued concentration of wealth at the top. History has repeatedly shown us that this is not sustainable and results in complete collapse. As the US and Europe march toward this end, Australia has an opportunity to actively recruit the scientists, engineers, sociologists, and academic elites to help reform not only the Australian education system, but also the failed Australian manufacturing sector and failing medicare system. By allowing these intelligent and creative people to solve problems for Australia, the nation will naturally become more productive. All Aus needs to do is recruit and fund the infrastructure by charging appropriate royalties on the resources already being extracted. Recruitment comes in the form of real social safety nets, fostering strong and caring communities rather than the Western police state model, and liveable wage guarantees. Essentially, fund the infastructures needed to attract the talent and that talent will build a stronger Australia. Recruit from the entire world and treat immigrants with the same rights as citizens - not as a wage slave class to be exploited by rich white business owners.</t>
  </si>
  <si>
    <t>Support for Residential Property Development</t>
  </si>
  <si>
    <t>In the past I have completed small residential property sub-divisions, recycling large blocks with small, ageing properties into new, higher density townhouses.  I have now stopped this activity and I am investing in other asset classes.  Building materials and labour costs have been prohibitive but these are moderating.  The key factors preventing me from returning to this activity are as follows:
1. property taxes, especially in Victoria are burdensome
2. planning processes are slow and complex
3. tenancy rights are skewed heavily in favour of the renter, especially in Victoria.</t>
  </si>
  <si>
    <t>Australia has a significant housing undersupply problem. Most houses are developed by small individual developers, not large companies.  The processes are the taxes are overly burdensome and are preventing investment into this sector, reducing housing supply.</t>
  </si>
  <si>
    <t>Create a Red Tape taskforce made up of business owners with first hand experience of tacking bureaucracy.</t>
  </si>
  <si>
    <t>As CEO and business owner in the last 3 months I have had to introduce additional business processes to meet regulation for the following: Fair work act, workplace gender equality, carbon reporting, right to disconnect, Respect at work, Cyber security.  All of these are well intentioned but combined they are onerous.  This is all on top of existing business regulation.  Much of this regulation 'legislates for the 1%' and there will be easier ways of managing the issue.  Taken together, all of these requirements create a significant reporting burden on companies for minimal benefit.  We are also desperately in need of tax reform.  Even if company tax rates are not reduced (which they should be) navigating all the tax rules is highly complex.
The Red Tape Taskforce could be made up of business owners with direct business experience on a volunteer capacity, supported by paid public servants to support and implement recommendations.  Existing red tape must be systematically challenged and removed or simplified.  New proposed regulation must be reviewed by the taskforce.  The taskforce must be led by a senior and respected business person and carry the necessary authority.</t>
  </si>
  <si>
    <t>The only way to reduce red tape and bureaucracy is through hard work.  All bureaucracy is introduced for good reason by well-meaning people.  The task force must systematically challenge each piece of bureaucracy using real world business experience.  This will reduce cost for businesses and for government.  This would also encourage new businesses to start, as well as existing businesses to invest and grow.  It would also encourage international investment in Australia.
Onerous red tape also impacts company culture.  For example, by introducing time sheets to ensure compliance with the fair work act, or additional processes to ensure the right to disconnect is rigorously applied across the company, team members become focused on doing just enough and leaders discourage discretionary effort.  Team members are less likely to act proactively and leaders are less likely to encourage them to do so.  We must pay team members fairly and we must allow colleagues to disconnect - but most companies and most team members already experienced this.  We have significantly impacted everyone to protect a small minority.  There will be an easier way to protect this group.</t>
  </si>
  <si>
    <t>Government investment to foster workforce innovation and embed technology in the care economy, leading to substantial productivity gains</t>
  </si>
  <si>
    <t>The care economy is growing exponentially but has not embraced the potential productivity benefits of new technologies, leading to sector-wide inefficiencies with ripple effects on the wider economy.  Through greater uptake in technology in care delivery as well as through significant upskilling of the workforce, there is the potential to turn the care sector from a cost to the economy to a productivity driver.</t>
  </si>
  <si>
    <t>With Government support and investment, there is an opportunity to lead Australia’s productivity growth by embedding critical enabling technologies that will diversify and transform care delivery. For this reason, La Trobe University is leading a proposal to establish a Care Economy Co-operative Research Centre bringing together industry partners, researchers, consumers and policymakers to co-design and implement products and services for the Australian Care Economy and accelerate supply for the growing high-value global care market.  
The ‘Future of Jobs Report 2025’, just released by the World Economic Forum, signals that globally,  ‘care economy jobs’ are expected to grow significantly.  Australia is no different and almost every Australian will access the care economy at some point in their life; this encompasses services starting from birth (child-care services and early education) to health care provided in community settings (mental health, rehabilitation), aged care, family and social services and disability care, all the way to death (palliative care, and end of life care). 
Currently, however, the sector is unwieldy, duplicative, and inefficient. It is facing a series of compounding challenges driven in large part by increased demand for care services and a shortfall in skilled care workers.  
The care economy is generally seen as a welfare sector; that is, a cost to the economy, when in fact it is a $327 billon critical industry sector and the nation’s single biggest and fastest growing employer, growing at three times the rate of national total employment. One in every seven Australians work in the care economy, and the majority of these workers are women. It is also Australia’s largest regional employer, with 39 per cent of the workforce employed in regional areas.  
There is an increasing recognition that the care economy is about more than welfare. The Productivity Commission in its review of the then-proposed National Disability Insurance Scheme recognised that a well-funded and effective system of disability support would largely pay for itself, by increasing workforce participation by carers and people with disability. 
Similarly, the Victorian Government’s Royal Commission into Family Violence recognised that a well-funded system designed to support victims and prevent family violence would generate significant returns.  In order to achieve these aims, there must however be an investment in the care economy, and importantly, ensuring that it is productive.  It is possible to achieve the dual aim of improving people’s lives while driving economic growth.  
La Trobe has taken the lead in this work through the establishment of the Care Economy Research Institute (CERI) -  Australia’s first institute with over 100 researchers dedicated to all aspects of care economy research.   The embedding of critical technologies in care delivery will enable the transformation of care services spurring productivity growth as will the upskilling of the workforce in technology skills.   Improved and sustainable care services will be delivered by a connected and adaptable workforce with improved technology skills and capability.  
The establishment of the Care Economy CRC would be the next step in this process of transformation, with modelling showing that a $35 million investment over 10 years would in turn deliver more than $1.4 billion in direct benefits on a risk-adjusted basis – a return of forty times.</t>
  </si>
  <si>
    <t>Early retirement in return for volunteering</t>
  </si>
  <si>
    <t>My idea for increasing productivity would be to offer people the opportunity to retire and access pension/superannuation earlier, say at 60, in return for doing a set number of hours of voluntary activity during the week (e.g. ten hours). The volunteering activity could be tied with key service areas of need (e.g. aged care, early childhood care) or key areas of training and development (e.g. apprenticeship training), but there might be opportunities for people from any background or skill.</t>
  </si>
  <si>
    <t>A large benefit of the idea would be to allow more people to enter and remian in the workforce during key productive years by reducing care requirements and costs (e.g. having to care for young children and/or elderly parents), and to help facilitate the transfer of knowledge and skills to younger generations. Those applying for this early retirement option would probably need to undergo training and/or screening to ensure they meet requirements if they were to volunteer in key areas (e.g. childcare or aged care, skills training), and the areas would need to be ones where attracting staff and training young people are difficult. 
Part of the training and development aspect of the work might involve setting up specific 'trade training organisations' that could offer competitively priced trade services, where retired supervisors oversee the work of trainee tradespeople - offering more opportunities for young people to learn their trade on the job, and helping build up the trade sector. 
Other less skilled government contracting work - e.g. cleaning up roadsides, mowing public lawn areas - might be done by teams of retired volunteers, freeing up work-for-the-dole programs to concentrate on areas offering more job skills to young people. 
The other benefit of this scheme would be to provide more activity, greater social connections, and a greater sense of purpose, to people as they approach (and now reach) retirement age. This will likely have a beneficial effect in terms of both physical and psychological health.</t>
  </si>
  <si>
    <t>Socialise the Economy</t>
  </si>
  <si>
    <t>Implementing a socialist system to Australia could potentially boost productivity in several ways. At its core, socialism emphasises an equitable distribution of resources, the collective ownership of the means of production, and political control by workers.</t>
  </si>
  <si>
    <t>In a socialist system resources are allocated based on need, rather than profit. This would ensure essential sectors, such as healthcare, education and infrastructure receive adequate funding, with flow-on effects across the economy. A reduction in inequality would ensure more individuals have opportunities to become highly skilled and active members of the economy, Empowering workers to make strategic decisions over the economy would lead to greater motivation, and prioritisation of essential goods and services, and a better allocation of resources, rather than exploiting whatever simply makes the biggest profit. The ability to serve social and material needs, rather than being driven by profit, would ensure the economy is more productive in meeting the needs of all Australians, rather than prioritising making profits for bosses, banks, and foreign shareholders.</t>
  </si>
  <si>
    <t>Re-instate the Public Service Exam</t>
  </si>
  <si>
    <t>The Public Service Exam was basically a screen so that people who could do the job extremely well got picked regardless of their ability to interview well.  It often picked up people with neuro-divergent brains because they are excellent at seeing patterns, noticing details etc.</t>
  </si>
  <si>
    <t>At the moment a lot of time is wasted in Government Departments through incompetence, lack of rigorous training and in part because many functions are centralised, and when people have no idea or interest in who they are dealing with then there is no benefit to working hard for them.  I would also recommend having high and strict KPI's with the understanding that if you get the work done as quickly as you can, you then get to go home, without loss of pay.  Same job, same pay - just framed in a different way.</t>
  </si>
  <si>
    <t>Eliminate capital gains tax on primary home for granny flats</t>
  </si>
  <si>
    <t>Income generated by long term letting of things like granny flats is already taxed as income. Why should the ATO get a second bite of the cherry, acting as a major disincentive for granny flats style low cost housing, by taxing partial gains on the primary home at sale time. If more people were encouraged to use their ample back yards, spare rooms, etc for rental accommodations then more households would do it. It could lead for much greater supply, at a lower cost, cheaper rents and more income for cash strapped households.</t>
  </si>
  <si>
    <t>More availability of rental accommodations closer to people's work reduces travel, infrastructure costs and could deliver productivity gains.</t>
  </si>
  <si>
    <t>Virtual personal assistant and life coach</t>
  </si>
  <si>
    <t>A virtual assistant that manages your activities supports your health and prompts you to develop and achieve your life plan.  It also connects you to people who might be prepared to help you achieve your goals.</t>
  </si>
  <si>
    <t>People will manage their time more effectively, keep healthy and achieve more life success.</t>
  </si>
  <si>
    <t>Ghost Jobs - A Problem that needs more attention.</t>
  </si>
  <si>
    <t>The Government last year delivered ~1 million new jobs into the economy, which sounds good on paper. However, a recent survey done by ResumeBuilder.com found that 20-40% of all job advertisements are estimated to be fake. Based on this statistic, it can be assumed that out of the jobs created under the Labor government, at most 400k were not real. These instances are known as “Ghost Jobs”, and they have been around for a long time. However, this problem has worsened, especially during the cost of living crisis.  
The practice itself is dishonest because it involves lying to the jobseekers, the firms' employees, and the firm's shareholders and potential investors. Firms do this for three reasons: To gather data on the Labour market, to placate and motivate overworked employees and to create the impression that the company is growing to shareholders. 
When a Job advertisement is published, the applicants have a reasonable expectation that there is a job needing to be filled/occupied. When a Ghost Job is posted the firm does not intend the fill the position, but the applicant does not know that. When used as a benchmark of the external talent pool (i.e. like a survey) there is no informed consent, because the jobseeker who fills out the application is expecting a reply from the employer, an interview or a job offer, not offering their resume so firms can gather data on the labour market. This would be a violation of the Privacy Act of 1988 (if the firm had a turnover of $3 million AUD or more), and the Competition and Consumer Act 2010 (Schedule 2 - Australian Consumer Law) (ACL).  
Another reason recruiters post fake job adverts is that companies use them to make their employees feel replaceable or placate overworked employees. In both cases, this can create adverse effects on them like mental and physical health issues. These can slow productivity because the employees are under increased stress from having to do the work of multiple people whilst being threatened with a replacement. 
Finally, firms do this to give the impression that they are growing to their shareholders and other potential investors. The survey cited earlier also reported that 66% of hiring managers said that external stakeholders - applicants, employees and investors - "who were not supposed to find out about their practice of listing fake jobs, did uncover the truth." When there is no real growth, advertising fake jobs misleads shareholders which can be considered an offence under Section 104E of the Corporations Act 2010.</t>
  </si>
  <si>
    <t>My solution is that the Government should crack down on this practice, whether it involves rewording ACL to better target these job listings or lowering the threshold of the Privacy Act of 1988 from $3 million to $1.5 million or any firm that utilises data collection. This also includes giving the Fair Work Commission a mandate to combat this deceptive practice.
Ultimately, fake jobs during a cost-of-living crisis have real consequences such as wasting the time of the Jobseekers and contributing to burnout, which is also common in employees. This ultimately leads to people giving up on the job hunt and evaporating their savings for day-to-day expenses. It also leads jobseekers to give up the job search which means fewer and fewer people to supplement the workforce.
If the government cracks down on fake job listings, it reduces the uncertainty involved in the job search as well as the burnout. This means that there is a greater chance that people will be employed, thus improving productivity. This benefit would also be seen in employees already working for these firms because they do not look forward to doing the jobs of multiple people whilst only being paid for one.
On the investor's side of the equation, if the government is willing to keep firms honest with their hiring the investors can have more confidence in spending money. This influx of capital would reduce financial constraints and allow for Enhanced Workforce Skills, Expansion of Operations as well as Research and Development.</t>
  </si>
  <si>
    <t>A Minister for Future Generations</t>
  </si>
  <si>
    <t>A Minister with responsibility for future planning, Responsibilities include: Ageing population and other population changes, ensuring a livable environment for future generations (stop climate change), human capital development and investment in the early years, and resilience in a changing world (pandemic preparedness, international insecurity, supply chain security)</t>
  </si>
  <si>
    <t>As Australia's population ages and declines, productivity will become our major economic driver. Climate change is a major risk, as disasters and un-insurability impact people's ability to be productive in the workforce. The future generations are most likely to be affected. We need to look forward 10, 20 years, not 5. This minister could consider the major productivity changes in the long term to ensure a resilient and equitable economy for future generations.</t>
  </si>
  <si>
    <t>4 day, 34 hour work week</t>
  </si>
  <si>
    <t>Moving toward an Australia where we work 4 days a week, from 9-5 (or equivalent) for the same pay. Could also be a 5 day workweek from 9-3.</t>
  </si>
  <si>
    <t>The compressed work week will have immediate productivity impacts, as people are expected to deliver the same outputs in reduced time, requiring people spend less wasted time in the day, or businesses improve efficiencies, In the long term, there would be human capital benefits as people can spend more time with their kids, contribute through volunteering or unpaid activities (such as developing art) and will be more rested and able to deliver at work.</t>
  </si>
  <si>
    <t>Recommended Retail Price - Printing on the Product</t>
  </si>
  <si>
    <t>The recommended retail price (RRP) of consumer products may be set by the producer or manufacturer, and when it is, it is unknown to the consumer in Australia. 
The consumer relies on the price shown at the point of sale, which can be either higher or lower than the RRP.
It is recommended that the RRP be -
1) Printed on the product labelling
2) be mandated by government for designated classes of products</t>
  </si>
  <si>
    <t>Knowledge and information s not evenly distributed between manufacturers/producers, retailers, and consumers.
As a result, marketing practices such as "50% off prices" can be misleading and disingenuous by the retailer, as they are often based on a "base" price that bears no relation to the Recommended Retail Price (RRP), if such a price exists.
Additionally, in an inflationary environment or where items have a slow turnover, the current price may be much higher than the original price of the same in-stock item. This allows retailers to make greater profits through retail price maintenance, which is laborious and difficult to identify or prove.
Where discounting of products is possible in Australia and such classes of products are designated, it is recommended that the RRP must be printed on the product. Therefore, when a "discount" is advertised, it can be referenced against an accurate base price printed on the product.
The case for RRPs is well discussed internationally, and Australia could adopt relevant sections of India's Consumer Goods (Mandatory Printing of Cost of Production and Maximum Retail Price) Act of 2006.
The productivity gains from this requirement would support a more resilient economy and help ensure that inflation is accurately measured for designated classes of products and enable extending the current comparison only between retailers to comparing the retailers against each other as well as the RRP, supporting more informed decision-making.
Further still, in regard to RBA, ABS and government economic management, the comparison to RRP to actual prices creates a new variable supporting economic analysis.</t>
  </si>
  <si>
    <t>Supporting place-based circular communities for our Net Zero transformation</t>
  </si>
  <si>
    <t>Much of the discussion around the move to NetZero has focussed on high level government, business and industry action. While this is important, what is being overlooked is the potential impact of our exisiting strong network of sustainable activities going on in our communities. These are generally volunteer run and unfunded, Addressing consumption and waste as first responders, volunteer repair cafés and sharing libraries are providing opportunities to all Australians to practice sustainability, tackle waste and raise awareness of the importance of repair and reuse in everyday life. With financial support, these can grow and elevate the savings from repair and reuse.</t>
  </si>
  <si>
    <t>Nothing is currently being done to address the huge legacy of broken appliances, machines, devices and clothes that are in our homes and businesses. To simply resign them all to recycling or waste will do nothing to help the transition to net zero. The growth of waste, particularly EWASTE, is outpacing recycling efforts by 5 times - we cannot recycle our way out of our waste crisis. We need to build the skills needed and accessibility of repair and reuse services in our local communities. Funding a Repair Café and Sharing library convenor for States or local communities would be one way in which to ensure the sustainability of these place-based community circular activities. There are many examples from overseas how these convenors have helped to elevate circular behaviours in communities</t>
  </si>
  <si>
    <t>Introduce a nation-wide, flat, broad based land tax.</t>
  </si>
  <si>
    <t>Introduce a new land tax that applies to ALL land, based a flat rate applied to the value of the land, levied annually (or quarterly). This would replace all existing stamp-duty and other property transactional taxes, and apply universally across all states and territories. It would also replace the array of existing state based taxes that apply to differing land types and tenures.</t>
  </si>
  <si>
    <t>Transactional taxes like stamp duty distort people's decisions around land mobility. This diminishes the optimal use of land (for example, older couple living in a large family because stamp duty makes it too expensive to down-size). A broad, non-discriminatory tax will ensure property decisions and use are optimised and not distorted by transactional costs or how the land is to be used. This would be a key pillar to assist with the housing crisis. The new land tax would earn government's significant revenue due to the broad base (which would keep the rate lower, hence affordable for tax-payers) and it would be almost impossible to evade. Revenue would also be much more predicable and less volatile than revenue from stamp-duties.</t>
  </si>
  <si>
    <t>A trend analysis unit</t>
  </si>
  <si>
    <t>I am constantly amazed when corporates and governments are surprised by events that a mathematically predictable as likely to occur actually occur.
An actuarial type unit that reports to the public on likely scenarios based on current trends would help us anticipate and mitigate or ride predicted conditions.</t>
  </si>
  <si>
    <t>As a masters degree holder in risk I know it is possible to put an annual cost on exposure to risk in order to do a cost benefit analysis on proposed treatments.</t>
  </si>
  <si>
    <t>Risk Distribution - "Risk-On" vs "Risk-Off" - Impact on Retirants</t>
  </si>
  <si>
    <t>"Risk-on" and "Risk-off" are terms used to interpret the outworkings of policy and practice at both the government and corporate level which directly and indirectly impacts individuals in Australia.
Risk-on behaviour occurs when individuals feel confident and are willing to take on more challenges or uncertainties. This might involve pursuing new career opportunities, starting a business, or taking on ambitious projects. During risk-on periods, people are more likely to innovate, take initiative, and push boundaries, which can lead to significant personal and professional growth.
Risk-off behaviour, on the other hand, happens when individuals are more cautious and prefer stability and security. This might involve sticking to a stable job, avoiding major changes, or focusing on saving and risk management. During risk-off periods, people tend to be more conservative, prioritizing safety and predictability over potential gains.
It is posited that the governments and the corporate sectors are highly proficient in the art of risk management, at the expense of the individual.  However, when taking actions, they do not systematically and openly relate the risk implications to stakeholder, nor are held to accountable standards.
As an illustrative case, the decision of governments to move from Defined Benefits Superannuation to the current "accumulation/pension phases" has moved financial risk, for many, away from government to the individuals. This single change has resulted in individuals being uncertain when entering retirement and thus being conservative with data indicating that a significant cohort of retirants will die with excess funds unspent, due to their longevity risk assessment.
A second case is insurance premium increasing, due to the assessment of insurers of heightened risk. The individual, has limited recourse to managing such increases.</t>
  </si>
  <si>
    <t>Focusing on managing longevity risk and providing certainty for individuals in retirement, the Commonwealth Government should establish a statutory corporation with a Commonwealth guarantee. This corporation would accept pension phase funds and provide annuity pensions to individuals who voluntarily elect to join. This initiative would address a key barrier, although challenges such as financial literacy among retirees remain.
While companies offer annuities and many Superannuation Funds are considering such products, individuals currently bear the performance risk of the organization, actuarial analysis, and the economy, both in Australia and overseas (e.g. inflation). For commercial products to be effective in Australia, there needs to be sufficient demand and economies of scale to spread the risk, which are currently lacking.
How does this assist productivity in the Australian economy? By creating a statutory corporation, the interest and protection of retirees would foster a "risk-off" environment, supporting a more dynamic and resilient economy by allowing retirees to spend with certainty, once they have joined. Also the issue of inflation protection can be included, thus removing this risk away from the retirant. This also extends to providing better quality healthcare, as retirees would have a guaranteed income, to plan and spend against.
Regarding government policy, when contemplating legislation, the "Explanatory Memorandum" of the bill should include the risk-on/off implications for Australian citizens. While current analysis and impact assessments theoretically cover this, a specific section dedicated to it is warranted.</t>
  </si>
  <si>
    <t>National digital natural resource/environmental information register</t>
  </si>
  <si>
    <t>Production of an enhanced natural resource information data source, buttressing existing state-based digital platforms, linked to educational/training resources to increase business and community access to high quality, defensible scientific resources to understand how natural resources interact in Australia's range of environments. This should include spatial baseline information on geology, land capability, river processes and river channel/floodplain sensitivity, vegetation community state and fauna communities. Many disparate datasets of natural resource/environmental values exist but are only partially integrated into a national framework.</t>
  </si>
  <si>
    <t>Businesses are exposed to 'unknown knowns' of environmental threats and risks of natural resource asset degradation. These threats may create large moral risk to business development, particularly where natural resource access (eg. water) may be in conflict with environmental requirements and/or community needs.
Community values include protecting natural resources and environmental values. Understanding the state of environmental assets and values and natural resource processes is at risk due to lack of accessible, robust and scientifically defensible information on threats to these resources and how recovery of these values when under threat may occur.
This register should include links to existing state based databases and registers and to university and research institute research websites. It must be kept current, with updates on new assessment methods and applications in changing environmental conditions. This should be maintained by CSIRO and sponsored by business and Federal government to maintain and update access to the most relevant and recent research and natural resource management initiatives.</t>
  </si>
  <si>
    <t>Federal Government support to enable competition in the $800bn electronic conveyancing market</t>
  </si>
  <si>
    <t>The eConveyancing market in Australia settles more than $800bn in property transactions each and every year for Australians. This market is currently dominated by a single monopoly provider which has nearly 100% market share, meaning zero competition on prices, no choice for tens of thousands of Australians and a single point of failure. 
There are two key actions which the Federal Government could undertake:
1) Add this reform to the National Productivity Fund - this would drive action on this important reform and unlock funding for States to complete this reform. 
2) Provide regulatory support to State Governments -  Whilst this is the focus of State Governments, Federal Government can play a role to provide support to State Governments to help them deliver competition through interoperability. Currently the State Governments have requested assistance from the Federal Government in the form of regulatory support from ASIC, APRA, ACCC and Commonwealth treasury. Delivering this regulatory support will enable State Governments to push ahead and deliver this reform for the country.</t>
  </si>
  <si>
    <t>Delivering competition to this market will mean choice and value for consumers across Australia.
Here are some key benefits that competition will deliver:
1) Competition in eConveyancing will boost the economy - The eConveyancing market settles more than $800bn in property each year across more than 4 million transactions for everyday Australians. However, it is currently dominated by a single provider monopoly which means there is a ‘winner takes all’ situation which is damaging to our economy. Competition, as shown by experts including the NSW Productivity Commission, will deliver productivity gains for the broader economy. 
2) Competition in eConveyancing will save money for home buyers – At the moment, home buyers pay thousands of dollars in upfront legal fees, including conveyancing costs. With a monopoly there is no downward pressure on fees, meaning that prices will only continue to rise for home buyers, including more than 50,000 first home buyers every year. These are real savings that many consumers are not aware of and will make purchasing a home cheaper.  
3) Competition in eConveyancing will give small business a choice – The monopoly currently has nearly 100% of the eConveyancing market with no competition in sight. Tens of thousands of conveyancers and lawyers have no choice but to use the monopoly. Competition will drive innovation, and more importantly give choice to small businesses, many of them regional and female led.</t>
  </si>
  <si>
    <t>New legislation must include an implementation plan</t>
  </si>
  <si>
    <t>Legislation is usually made with clear ideas and strong intent to make things better or address a problem. However things often fall down due to poor implementation - either poor scoping and accountability of the steps required to implement, or through actions being lost during restructures or staff changes. A requirement to include (and keep updated) implementation plans for new legislation, with actions clearly assigned to a current Government Department, would likely improve the effectiveness and deliver of legislation and policy.</t>
  </si>
  <si>
    <t>Legislation is usually developed and passed to address a problem. Poor implementation often means significant expense with little real outcome, or lesser outcomes, and the problem remains unaddressed, leading to other less optimal outcomes being considered. 
If there was a legislative or policy requirement for new legislation to have an implementation plan (with key actions required outlined, along with the Government agency responsible) attached (eg as a schedule to legislation), a requirement to report publicly on an annual basis, and a requirement to update the plans with each Governmental restructure, it would help avoid implementation actions falling between the cracks. The annual reporting could also include a requirement to confirm that the actions are still assigned to the correct agency.</t>
  </si>
  <si>
    <t>Fast track the framework to allow bi-directional charging where Electric Vehicle batteries (which are much larger than home batteries) can be used to run homes with solar power at night time</t>
  </si>
  <si>
    <t>Bi-directional charging is where Electric Vehicles (EVs) can draw free power from rooftop solar panels during the day, and can also send stored power in the EV battery back to the home for use when the sun goes down. 
With an EV and charger system that can accommodate bi-directional charging you do not need the added expense of an in-home battery (typically $10,000-$15,000 cost) to maximise use of self generated power and electricity cost savings from your solar panels. So if you are considering an in-home battery, buying a bi-directional capable EV instead effectively takes $10,000 - $15,000 off the cost of your EV. 
Another attraction of "bi-directional" (otherwise known as "vehicle to home") charging is that EV batteries are typically 40-80kWh capacity, while in-home batteries are approximately 10-15Wh. EV batteries have approximately 4-8 times the capacity of in-home batteries.
Given most dwellings would use between 5-15kWh of power in the evening, charging from a vehicle will only reduce the EV battery charge in the range of 10-25% each night. This charge can easily be renewed the following day if the EV is parked at home for a portion of the day. 
Note the value of using EV batteries applies when EVs are typically parked at home much of the time and used intermittently during the day and night, so they can easily be topped up with charge from solar panels most days, and available for supplying charge to the house most nights. Dwellings are still connected to the grid and use grid power when the EVs are not at home, although most cars are parked at home for many more hours than they are used. 
Note also the bi-directional chargers currently available in Australia only work with the Nissan Leaf and the Mitsubishi Outlander. However, EVs with CCS2 plugs are expected to soon be able to use bi-directional charging.</t>
  </si>
  <si>
    <t>Speeding up the framework and building greater interest in the potential for bi-directional charging will help increase the uptake of bi-directional capable EVs, and reduce the feed in of excess solar power to the grid reducing the current grid destabilisation issues associated with that. It will also counter impact of the reduced feed in tariffs paid by grid energy retailers and allow people to retain and use more of their self generated power.</t>
  </si>
  <si>
    <t>Establish a National Rural Health Strategy to ensure coordinated, fit-for-purpose service delivery for rural communities</t>
  </si>
  <si>
    <t>There is no rural health strategy based on population health need that improves equitable access to healthcare services in rural and remote areas. A national strategy is long overdue in addressing health disparities, supported by models of care that can function where workforce and infrastructure is limited. We need a ‘one health system’ approach for rural communities with joined up funding to meet local and socioeconomic health need, that takes account of remoteness and recognises that market-based funding mechanisms cannot effectively deliver in small or thin markets.</t>
  </si>
  <si>
    <t>The living standards of Australians depend not just on our national productivity, but on the productivity of our rural areas. People living in rural Australia make significant contributions to the Australian economy and society and, as Australians, deserve equitable access to healthcare and better health outcomes. 
Yet there is a clear healthcare disparity between rural and urban Australia. Rural Australians have less access to care and experience poorer social determinants of health and greater disease risk factors. The unique circumstances of rural areas mean that solutions designed for metropolitan areas may not effectively address the effects of adverse social determinants of health. Further action to address the inequities would improve both social justice and economic prosperity for Australia.
The Mid-Term Review of the National Health Reform Agreement Addendum 2020-2025 (the Mid-Term Review), commissioned by Commonwealth, State and Territory Health Ministers, which reported in October 2023 found that a coordinated national approach is needed to address health disparities that encompass models of care able to function where workforce and infrastructure is limited. In addition, health providers would operate at a full scope of practice and with greater integration across sectors to get the most from available resources.
The Mid-Term Review also recommended that a shared plan of action focused on equity of access in rural and remote areas form a Schedule to the new National Health Reform Agreement which would include priority actions and milestones, national datasets, minimum access standards, socio-economic considerations and appropriate rurality weightings in funding formulae.
A National Rural Health Strategy, whether as a Schedule to the new National Health Reform Agreement, or a standalone compact between the Commonwealth and state and territory governments, would enable establishment of effective solutions based on local knowledge and led by community members who understand their specific needs. Additionally, policies affecting multiple areas would be carefully evaluated from both rural and health perspectives to prevent unintended consequences that could worsen inequalities for those living outside major cities.
Having a National Rural Health Strategy would also enable governments and key stakeholders to work together in rural Australia to improve social determinants that affect health outcomes in rural communities, such as educational opportunities and outcomes, access to safe, affordable, healthy housing, and early childhood experiences that promote optimal development.
The proposed National Rural Health Strategy and Implementation Plan include 12 priority streams: 
1.	attracting and retaining rural health workforce
2.	rural education and training
3.	supporting culturally appropriate First Nations healthcare
4.	fit for purpose and equitable access to aged care and disability services
5.	funded and coordinated delivery of mental health services
6.	minimum reasonable level of access to care
7.	rurality weightings in funding formulae
8.	telecommunications, digital literacy and connectivity
9.	indexed patient transport and accommodation
10.	support for housing and infrastructure
11.	equitable health research funding in rural communities
12.	mitigating and adapting to the impact of climate.
The absence of a National Rural Health Strategy is likely to entrench into the Australian health system the lack of coordination of rural health measures between Commonwealth and state and territory governments. Without a clear, coordinated and funded plan of action to address rural health issues, the access and inequity divide between rural and urban Australia will continue to widen, and the poorer health outcomes in rural communities will be amplified.</t>
  </si>
  <si>
    <t>Rural health capacity and capability building investment through a Rural Health Innovation and Evidence Hub</t>
  </si>
  <si>
    <t>Lessons learned from the many short-term Government grants, pilots, innovative models of care and research in rural communities are not being shared in real time to inform better practice and potential national rollout across rural Australia. There is no national ‘smart’ hub that facilitates information sharing and exchange to help address the challenges faced by rural communities. The Rural Health Innovation and Evidence Hub would support rural health systems innovation across Australia through regular forums in rural communities, supported by an IT platform with artificial intelligence (AI) integration.</t>
  </si>
  <si>
    <t>There is renewed collaborative and more sophisticated enthusiasm for community-led health approaches to defining and building the health services needed in each rural community, according to need and environment. The Alliance notes that many rural communities work with, or seek to work with, other communities to develop grass roots driven solutions, supported by Government. 
More than just a knowledge hub that supports information sharing and exchange, the Hub would: 
-Connect people and harness the collective intelligence through a community of practice of entities working in rural health 
-Systematically synthesise, review and translate resources and research and disseminate this information to inform broader rural health policy and practice
-Facilitate learning for the health system and rural communities through regional workshops and information sharing 
-Leverage existing mechanisms such as the Australian Journal of Rural Health (AJRH), the National Rural Health Conference and the Rural and Remote Health Scientific Symposium
-Provide a foundation for evidence-based policy, funding and practice.
Without a national Hub, the investments in trials, research and initiatives are wasted as the outcomes, successes and otherwise, remain largely unknown to the wider population. It would be a missed opportunity for Government to maximise investment in rural programs, innovative models and workforce strategies.
The Hub would be overseen by appropriate governance and be guided by planning (including risk planning) and stakeholder consultation. It would be supported by processes, including developing and setting of standards and methods for establishing evidence from multiple sources, principles for cataloguing and synthesising data, and protocols for access and use of information. The Hub would also implement automation functions and algorithms for searching, identifying and examining optimum models of care, research, innovation and evaluation methods. Its quality framework would ensure continued evolution of knowledge management and methods for effective sharing, learning, collaboration and continuous improvement, as well as inform the Hub evaluation framework and review of risk and security plans.
The National Rural Health Alliance proposes to host the Hub and ensure ongoing quality improvements in the Hub design including enhancing analytic and insight capability.</t>
  </si>
  <si>
    <t>Building the primary care workforce through a National Rural Health Fund that supports and sustains community-led primary healthcare services</t>
  </si>
  <si>
    <t>The Commonwealth should move on from a trials/pilots-only approach and establish an ongoing funding stream with blended or block funding to address grassroots needs – through the National Rural Health Fund. This would guarantee that comprehensive primary health care services will be sustainably funded and delivered in rural communities and available to benefit all rural Australians. The funding models would deliver place-based solutions based on local population health need that acknowledge and address workforce realities.</t>
  </si>
  <si>
    <t>The living standards of Australians depend not just on our national productivity, but on the productivity of our rural areas. Rural and regional Australia makes a marked contribution to the wellbeing of the entire country, providing many of the basics of Australian life – food, clean water, energy, building materials, and places for recreation. They are also integral to the nation’s economy and the nation’s defence.
Yet there is a clear healthcare disparity between rural and urban Australia. Rural Australians have less access to care and experience poorer social determinants of health and greater disease risk factors. Further action to address the inequities would improve both social justice and economic prosperity for Australia.
The population size of many rural and remote towns makes it unviable to support a bulk-billing primary care workforce. Mixed billing general practices are often overstretched with closed books and/or long waiting lists to see a GP. The inflexibility of current funding models, policy and service delivery arrangements create significant barriers to workforce recruitment and retention, further amplifying the challenges with accessing services in rural areas. This issue is particularly evident in market-based programs such as the Medicare Benefits Schedule (MBS), aged care packages and the National Disability Insurance Scheme (NDIS), where expenditure is directly dependent on practitioner availability to provide services.
Continuing the trials/pilots approach and reliance on the MBS fee-for-service model would exacerbate the underlying issue with market failure for many rural practices. Despite Government’s ramping up of Medicare bulk billing, more private-enterprise primary care businesses in rural areas will continue to close once they are unable to sustain the increasing cost to do business and absorb the financial loss which inevitably occur under current funding policy.
The National Rural Health Fund, financed by the Commonwealth, would invest $1 billion, split into: 
•	$0.5 billion over 4 years to provide sustained funding of up to $1 million per annum each for community-designed and coordinated primary health care services in at least 200 rural communities across Australia, and 
•	$0.5 billion in infrastructure funding, or up to $2.5 million per community, to support the establishment of the community-led primary health care services.
The National Rural Health Fund would support sustainable, comprehensive and multidisciplinary primary health care services in a defined geographic area (Modified Monash Model 4 to 7), based on population health need, drawing on the available workforce. It would allow for expansion of nursing, psychologist, and other allied health and/or Aboriginal Health Worker costs that could not be charged to the MBS. 
Funding may also be used flexibly to support business costs such as salary supplementation for the professional workforce if required, and transportation for hub and spoke models of care delivery, including disability.</t>
  </si>
  <si>
    <t>Government expenditure</t>
  </si>
  <si>
    <t>We need to address the issue of overly generous remuneration and lack of performance accountability of our under performing politicians.In particular the overly generous pensions taxpayers have to pay for retired politicians.</t>
  </si>
  <si>
    <t>The majority of Australians have a negative feeling/attitude toward our politicians and how they perform.Maybe we need to change how we allow politicians to be elected.If we had stellar performing politicians that were managing the country in a positive manner that would create a positive feeling that would trickle through to the entire community and in itself would increase productivity across a broad spectrum.It starts at the top.You can’t have a dud coach trying to lift the team.</t>
  </si>
  <si>
    <t>Optional National Service for 18-21 year olds in areas like Emergency Services, Environment, Caring &amp; Housing</t>
  </si>
  <si>
    <t>Create a national service style program where young people can choose to sign up for a 2 or 3 year period where they are trained, gain qualifications and deliver essential (non Defense) services to Australia.  
Potential areas of focus for this program may be:  Emergency Services, Environment, Caring and Housing.
TAFEs would play a key role in designing programs and qualifications.
Participants would receive basic / apprentice style wages.</t>
  </si>
  <si>
    <t>Australia will benefit in 3 ways.  
1. There will be an immediate lift in front line workers in areas of community need, such as aged care, emergency services for natural disasters, builders and labourers to build social housing.
2. Young people will gain skills, qualifications and experience in delivering essential services that the Australian Community.  
3. If done well, these programs will provide a unifying force in Australia's young generations, giving people from all areas of Australia, and all walks of life the opportunity work together in service to the community.</t>
  </si>
  <si>
    <t>Engage employment</t>
  </si>
  <si>
    <t>I reckon that we could reduce efficeny in productivity by stopping people from bludging off Centrelink, provide oppurtunity to get paid by picking up rubish, removing graffity, cleaning plublic transport, cleaning public places, 
controversally bring back some sort of capital punishment (mainily caning or alike) for drugs and other social and public nuices.
I understand we can learn a lot from places like singapore where everyone has a job like describe above or painting lines for carpark spaces. 
A friend who imigrated to me from another country: "ïn my country, you fon't work, you don't eat, you dont work, you have no house"</t>
  </si>
  <si>
    <t>less crime, people see value in acheived goals, lots less laziness and excuses, cleaner environment, people positivly contributing to society.</t>
  </si>
  <si>
    <t>Sydney-Melbourne-Brisbane Overnight Train Service</t>
  </si>
  <si>
    <t>NSW will discontinue sleeper services on its trains when the XPT is retired.  After that, people travelling between Sydney and Melbourne (or Brisbane) would need to take the day train (time consuming), fly (environmentally harmful, congested), or drive (dangerous).    The C'wth government should establish and co-invest in a corporatised rail service company that will use the existing infrastructure to provide an at-cost dedicated overnight passenger rail service.   Passengers could comfortably sleep overnight while travelling, refreshed to transact business on arrival the following day.</t>
  </si>
  <si>
    <t>With little investment, the C'wth could establish a train service that will allow people to travel efficiently overnight between our three largest capitals.  It will reduce congestion on our roads and air corridors (Melbourne to Sydney is the world's 5th busiest).    
This would be a cheaper and more viable option than developing a VFT system that will take decades to realise and lacks a sound business case.</t>
  </si>
  <si>
    <t>Use temporary additional superannuation contributions (or equivalent mandated savings) rather than monetary policy / raising interest rates to control inflation</t>
  </si>
  <si>
    <t>Spread the cost of living pressures more fairly across the community – It is clearly unfair that people who have paid off their house do not bear the burden of economic monetary policy. Also banks profit from interest rate hikes, while mortgage holders lose money. The alternative mechanism of temporarily raising superannuation contributions beyond the current baseline or an equivalent mandated savings scheme (and having this controlled by an independent financial body such as the Reserve bank) ensures that when money needs to be taken out of the economy, people do not loose it. They keep it, can’t use it now, but it just goes towards an improved outcome in retirement. This is a fairer more reasonable scheme than the current monetary policy mechanism. 
See two very good articles:  
https://www.abc.net.au/news/2023-02-12/raising-interest-rates-reserve-and-bank-and-inflation
management/101952926  
https://www.abc.net.au/news/2024-01-29/alternatives-to-using-interest-rates-to-tackle
inflation/103398062  
I note higher superannuation contributions may not be required for people below certain incomes.</t>
  </si>
  <si>
    <t>As another option for consideration, periods of higher personal contributions to superannuation that boost individuals saved finances may be followed by a period of slightly lower superannuation contributions (not necessarily equivalent) by employers - helping to get industry groups on board with the idea to overcome the banking industries resistance to the idea.</t>
  </si>
  <si>
    <t>Tie immigration numbers to the number of dwellings built in the preceding year</t>
  </si>
  <si>
    <t>The idea comes from Alan Kohler in the Quarterly essay "The Great Divide". Tie immigration numbers to just below the number of dwellings / bed numbers we as a country can build per annum, working off the previous years built dwellings figures and incorporating reasonable evidence based assumptions on how many people are expected to live in each dwelling. The assumptions should be made clear to the public, and the number of dwellings / bed numbers should exceed immigration figures to account for and reduce the backlog and current shortfall in housing that creates homelessness. 
The above proposed mechanism should deliver a self governing mechanism to set immigration levels and reduce the blaming of housing shortages on immigrants.</t>
  </si>
  <si>
    <t>Given universities and business want more immigrants, such institutions might be incentivised to fund dwelling and bed construction to enable immigration levels to rise to their desired level. Having more significant players in the market delivering dwellings should help us get to a position house all Australians and maintain this as an ongoing basic standard our country can deliver. 
Providing a basic level of housing and security for all people creates social and economic benefits,  reducing the associated costs of homelessness, mental health and potentially crime.</t>
  </si>
  <si>
    <t>Voluntary outdoors training available to all 18 year olds</t>
  </si>
  <si>
    <t>As I watch my 12 year old and his friends gravitate towards their computer / ipad / phone screens at any moment when there is a break in structured activity, while also realising that a good outdoor structured activity can still keep them engaged, I have been thinking about the benefit of a wide scale outdoor skills and activity program available to all 18 year olds on school completion. 
I am aware of the two opposite methods of encouraging personal growth: 1. people following areas of interest and driving their own growth (or not driving much growth), and 2. people working within a structured system where they are driven by others (as coaches do) to undertake activities that can deliver skills and gain confidence that they may not have otherwise acquired. 
I believe a structured, optional, free to individuals, program would have mental and physical health, teamwork, confidence, and skill growth benefits to our increasingly desk bound, sedentary, anxious and mentally vulnerable youth. To have a more capable cohort of community members and new workers would be a fantastic boost to the country and economy. 
The program may be run by the army and incorporate training in the many areas and skills that are covered in army training, although the design of the final program of elements for inclusion and options provided would need to be well considered by experts, and may in the end not be suited for delivery by the army.  
I am envisaging a 3 month program that commences in March each year that can allow school leavers to enjoy their end of year holidays, but delay further tertiary training by a semester. Such a program would be ideal for people unsure of their future careers, allowing substantial personal growth before they embark on a costly tertiary education course that they might be unsure about. It may also potentially also provide an avenue of recruits to the military, although only if the course ends up being delivered by the military.</t>
  </si>
  <si>
    <t>I watch impressed when I see at risk and troubled youth often straightened out and renewed by outdoor, teamwork related programs lead by people who care for the youth as their primary goal. I know the benefits would also come to less marginal but also struggling young adults - such that we all as a society benefit.</t>
  </si>
  <si>
    <t>Harmonise and Rationalise Australia's OH&amp;S Acts and Industrial Relations Acts</t>
  </si>
  <si>
    <t>Harmonise all the various State and Territory Acts so that it easier for companies that want to expand or operate inter-state.</t>
  </si>
  <si>
    <t>The harmonising OH&amp;S and IR Acts across all the states and territories will make it cheaper for business to operate and expand across the country. Currently if I am a QLD-based business and I want to expand into VIC or NSW my prospective staff member(s) is covered under a different OH&amp;S and IR Act. 
Rationalising all State/Territory Acts so people can be employed from anywhere in Australia without the complexity of knowing the specific State/Territory Act and the conditions that are specific to that State/Territory.</t>
  </si>
  <si>
    <t>Utilise Private &amp; Government Water Storage dams to Install Floating Solar to preserve land for Agriculture, Carbon Sequestration or/&amp; Bio-diversity</t>
  </si>
  <si>
    <t>Utilising small and large water storage dams install floating solar to harvest energy and reduce water evaporation loss. If across mainland Australia 8.5% of specific dams were covered this would provide installation of ~65.7 GWp of solar that is located close to key grid substations and load centres. Plus it would save annually ~643.452 GL of water which at each states relevant bulk water rate equates to $1.832B saved annually, if floating solar is installed.</t>
  </si>
  <si>
    <t>Old coal-fired power stations such as Hazelwood, Liddell and Swanbank are very close to quiet calm water bodies that can have floating solar installed. These old power station sites are already "wired" into the grid and can be re-purposed with batteries or thermal storage systems to generate steam for power or store the excess solar energy generated but not used in the day. By carefully selecting the location of the floating solar installations you ensure they are not going to be washed away in flooding events and by adding energy storage near the substation grid connections you are increasing the stability and resilience of the energy grid.
In addition to the water-saving and energy generation the State governments would save significantly on the amount of transmission that will need to be installed and the money that will need to be paid to land-holders who are affected by the installation of transmission lines crossing their property(s).
Currently the surface water of our dams is an under-utilised natural capital asset. 
The construction and installation of the floating solar is done utilising locally (Australian) manufactured components, generating local jobs and employment. Plus, ongoing system maintenance is done by people in the local community.</t>
  </si>
  <si>
    <t>Whistle blowing- understanding, spotting and reporting corruption</t>
  </si>
  <si>
    <t>People see things they think are wrong or ‘dodgy’. It makes them uncomfortable but they don’t think it’s corrupt and they don’t see its corrosive effects. People think corruption is big things .  If they do acknowledge corruption they don’t feel there is a safe way to mention it, the treatment of high profile whistleblowers generally has a chilling effect..so corruption continues because it’s a a profitable, low risk venture.  Currently some health workers are being investigated by IBAC… there are reasons no one spoke up sooner but that workplace must have been pretty unsafe.</t>
  </si>
  <si>
    <t>People work better when they feel safe and there are no “dirty secrets” and when they can speak up safely.  
As a society we are, rightly, concerned about domestic violence and the impact of entrenched power structures … the same process are at work in occupational violence and cause illness, injury, presentee-ism and absenteeism.</t>
  </si>
  <si>
    <t>Introducing a new national supermarket to the current monopoly held by Coles and Woolworths</t>
  </si>
  <si>
    <t>My idea is that farmers and growers are given a fair go and consumers are able to make choices about where they do their shopping by private investors helping current small under performing supermarkets to collaborate with nationwide growers and farmers to create a new single supermarket that can challenge the current supermarket monopoly of Coles and Woolworths, along with providing fair and ethical returns for provisions of growers and farmers and costs on consumers. Private equity is growing as a trend and wealthy private individuals are starting to fund really large investment projects and a new supermarket is one that Australians are crying out for particularly if it stops our local farmers and grows from having an unsustainable existence.. price increases by Coles and Woolworths continue despite inquiries and consumers are very frustrated and feel utterly disempowered along with our local agricultural providers who also feel very disempowered.</t>
  </si>
  <si>
    <t>It would encourage investment and need for more skilled employees for agriculture and farmers, including new technologies to assist with increased nationwide production and demand. It would provide new marketing and roles for a different model of supermarket, including innovation around ethical standards, transportation, manufacturing, large scale distribution, and efficient land use. It might include city high rise hydroponics and increased agricultural initiatives. It could include supporting farmers using clean energy alternatives and multiple land uses ie farming and solar production</t>
  </si>
  <si>
    <t>Geothermal in every town</t>
  </si>
  <si>
    <t>The energy for townships could come from Geothermal</t>
  </si>
  <si>
    <t>I heard about https://www.eavor.com/ technology at https://www.afr.com/companies/energy/the-clean-energy-renaissance-that-s-backed-by-big-oil-20240606-p5jjv4
Cheap energy in towns could help with decentralisation which in turn contributes to a more resilient economy.</t>
  </si>
  <si>
    <t>Energy, education, healthcare and intellectual power</t>
  </si>
  <si>
    <t>Installing community batteries in local neighborhoods allow for energy distribution and storage in local areas and protect the grid ftom overloads. Wave/ water energy is always available and therefore a constant source of energy. Cutting red tape for housing will speed construction and cut costs. Free post high school education will skill our workforce and provide more employment and increase research. There should be a ban on dark coloured roofs, too hot. More tree planting and less bitumen to avoid heat traps. Insurance is soon becoming too expensive for home owners. So a national insurance scheme is required. Also more preventative measures are vital to avoid major natural disasters and their impact. Sugar and junkfood tax.</t>
  </si>
  <si>
    <t>Installing community batteries in local neighborhoods allow for energy distribution and storage in local areas and protect the grid ftom overloads. Wave/ water energy is always available and therefore a constant source of energy. Cutting red tape for housing will speed construction and cut costs. Free post high school education will skill our workforce and provide more employment and increase research. There should be a ban on dark coloured roofs, too hot. More tree planting and less bitumen to avoid heat traps. Insurance is soon becoming too expensive for home owners. So a national insurance scheme is required. Also more preventative measures are vital to avoid major natural disasters and their impact. Finally we need to focus much more on reducing harm in health than fixing diseases. Less junk food, cheaper fruit and vegetables, more active life styles, make alcohol and soft drinks more expansive, more physical fitness hours at schools. Sugar and junkfood taxes. Better training of physicians in nutrition and taking a holistic approach to health.</t>
  </si>
  <si>
    <t>Skills training in repair and servicing is desperately needed in all industries for our move to Net Zero</t>
  </si>
  <si>
    <t>To build a more skilled and adaptable workforce for  our move to net zero, we need to recognise and provide skills training for Repair, Reuse and refurbishment of our appliances, devices and electrical goods.
Harnessing data and digital technology
Delivering quality care more efficiently
Investing in cheaper, cleaner energy and the net zero transformation</t>
  </si>
  <si>
    <t>To reduce the anti-competitive control that manufacturers exert over the service and repair markets for our appliances, devices, machines and electrical goods, we not only need to remove barriers to repair like copyright law barriers and the contractual barriers, but we need to recognise the skills needed for repair of these devices and machines, There needs to be College,TAFE and VET courses on REPAIR  of a whole range of products such as appliances, phones, tablets computers.  Also skills training is needed so train appropriately skilled people to dismantle products safely etc take items apart - (this is needed to preserve spare parts for reuse where possible or precious metals and materials if products are beyond repair</t>
  </si>
  <si>
    <t>Less protection for underperforming employees and more rewsrd for the most productive</t>
  </si>
  <si>
    <t>IR laws protect unproductive employees and prevent managers/employers improving productivity. Too much time is spent working with staff who underperform or aren't the right cultural fit. Being able to move them on so the best workers don't feel resentful would make a huge difference to productivity. Performance reviews and tribunals put the onus on the person most responsible for the team's output to defend why the person should be let go. A waste of time and energy.</t>
  </si>
  <si>
    <t>To improve productivity requires workers to be more productive. A focus on delivery, customer service, and increased skills will lead to greater profit and better remuneration. The employer can then offer a 4 day week and WFH knowing productivity won't be compromised.</t>
  </si>
  <si>
    <t>New Bills submitted by ministers must include productivity improvements and budget balancing measures, to be eligible for re-election</t>
  </si>
  <si>
    <t>Any new bill that is introduced in parliament must meet three key rules, before it can be passed into law.
1.  Must improve productivity 
2. Must have budget balancing measures included
3. Produce overall better outcomes for the community
After 4 years the ministers who introduced and supported the bill will only be eligible for re-election should the above two points prove true.</t>
  </si>
  <si>
    <t>Any new rule or regulation should include a measure to simplify and reduce costs, but also consider leveraging a like counties existing standards</t>
  </si>
  <si>
    <t>Organization's that are charged with introducing new standards, rules or regulation need to have a few new kpi's introduced before a new item is added.
Any new standard, rule or regulation needs to pass these tests
1. Make it simpler for businesses and customers to operate
2. provide financial value for end use customers
3. Remove old rules that are no longer necessary
4. Encourage competition</t>
  </si>
  <si>
    <t>Here is one example below (im sure there are hundreds) that outline this issue
Electricity Rules and regulations
- When the market was first introduced in 2005 there were 871 pages of rules and regulations, today there are 1980 pages
- The market has become significantly complex, and has added huge costs for anyone that is participating in the market
- The costs of compliance is a barrier for new entrants
- The complexity of compliance means that no participant is nimble, agile and low cost
- The benefits for customers have not improved since 2005
- Customers are less engaged and not trusting of the market
- Customers have no capability to know whether they are getting a good deal, besides saying this bill was close to my last bill
- Trust by customers in electricity rates 21 out of 25 industries as ranked by Roy Morgan.
- Connection costs are enormous, and connection standards have grown in complexity 4-fold just in the last 10 years. they are also different in every state.
- There are less retailers today and this continues to shrink
Simplification of rules and regulations, make
a) them more trusted and transparent
b) simpler and cheaper to comply with
c) enable business to be nimbler and enable them to come up with new offers and products
d) provides a lower barrier to entry for new parties
e) provides more value for end use customers
f) reduce significant costs to comply with rules in utility IT systems, workforce
g) simplify connections for people connecting renewables</t>
  </si>
  <si>
    <t>Unlocking residential and business excess solar to drive business and farming</t>
  </si>
  <si>
    <t>The AER has had documents submitted by Ausgrid and Endeavour outlining the volume of curtailed local solar PV in towns and cities that is lost. When you project these volumes for all state, it states that by 2030 there will be 2.2TWh of green local solar energy from rooftops that is curtailed "lost" and not used. It is lost due to current technical regulations and standards. This also means that losses are saved adding a further 220MWh per annum.
There is technology that will allow all premises to have 8kW of solar with no voltage constraints or power quality issues. This will enable distribution businesses to provide customers larger exports or power, which will not be lost, but can be used for real outcomes like providing cheap energy to business that want to grow, or provide more water for farm land,</t>
  </si>
  <si>
    <t>Unlocking 2.2TWh per annum is enormous and it will achieve the following:
1) provide significant volumes of energy that could power 410,000 homes per annum that are not capable to install solar, by using the unlocked power generated by neighboring businesses
2) The excess energy could be used to desalinate / pump water from the coast to farming lands near cities and towns
3) Reduce the risks to the central generation buildout caused by access to finance and resources
4) It will protect more farmland as the solar generation is happening in cities and towns where the load for electricity is located
5) energy losses will be significantly reduced, this would total 220MWh per annum.
6) It will provide insights, data and knowledge about faults and reliability of the distribution networks; and
7) All customers will generate the maximum solar power from their investment as opposed  to current low levels
There is technology already being built in Australia that has been proven to enable all of this, but the rules and regulations do not enable distribution businesses to invest in this technology as there is no measure to maintain voltages.</t>
  </si>
  <si>
    <t>Becoming Internationally Competitive</t>
  </si>
  <si>
    <t>The main driver to Trump’s election success is due to his desire to reduce Government bureaucracy and lower taxes to create a free society where innovation has space to naturally grow. Currently all levels of Government create hurdles inhibiting innovation and growth rather than incentivising growth.</t>
  </si>
  <si>
    <t>Lower prices on products and services are born through competition and increased competition germinates from increased opportunities. Unfortunately the cost of conducting business in Australia is rapidly becoming prohibitive and our once enviable diverse industries are shutting down. All the Government cares about is the mining/ oil and gas industries. We desperately need a Government willing to reduce bureaucracy,  tackle tax reform, and create an environment that provides incentives for businesses success. Until this happens we will continue to slide in the international industry diversity rankings which makes for a very  vulnerable economy.</t>
  </si>
  <si>
    <t>Standardised domestic and commercial charging equipment for all electric vehicles sold in Australia plus compulsory bidirectional charging.</t>
  </si>
  <si>
    <t>Electric Vehicles (EV's) should be viewed primarily as highly mobile power storage sources, that also provide efficient road transport.</t>
  </si>
  <si>
    <t>Require all road registered EVs, and its charging network to be equipped and configured for BIDIRECTIONAL charging, using a compulsory standard design of equipment for transferring power to OR FROM any Electric Vehicle. 
This standarised technology, combined with compulsory smart meters now fitted to most properties would provide an additional way to redistribute electricity across the grid, as rise and fall in demand for energy occurs.  
An example was when a storm cut a major distribution power line in Victoria's You Yang Ranges. Almost instantly power controllers were able to connect a temporary emergency supply, provided from an EV fleet garaged for the weekend in Canberra, whilst rerouting a more robust power supply was implemented.
If all EV's being charged were connected to the "smart grid" power supply, demand could be monitored more broadly, and increasingly so, as more EV's are rolled out across Australia. This would significantly improve the flexibility of the distribution system at any time of energy emergency, or peak in demand, with EV owner agreement to participate in supply, without a significant increase in load carrying capacity in the transmission system.  
Another benefit for remote areas is any EV operator could individually re-power another EV in a remote area situation.</t>
  </si>
  <si>
    <t>Public Housing Like It's 1945</t>
  </si>
  <si>
    <t>Funded by taxing our gas exports properly, State based Public Works departments are tasked (and cannot tender the work out to private companies) with a 30 year ongoing project of buying, designing and building high quality public housing, mostly 6 pack 3 and 4 bed apartments, released onto the rental market constantly at affordable prices, and only availabile for long term leasehold up to 50 years) but never private sale.</t>
  </si>
  <si>
    <t>Building things increases productivity. Also, a constant supply of high quality low cost rentals will subude the mania for property investment, freeing up capital for more productive use, and also increasing per capita wealth, with lower housing costs.</t>
  </si>
  <si>
    <t>Ministers for Productivity?</t>
  </si>
  <si>
    <t>The Australian Government and the Governments of each State and Territory should appoint a Minister of Productivity.</t>
  </si>
  <si>
    <t>The Commonwealth and State and Territory governments should work together to appoint a Minister for Productivity in each of its jurisdictions to raise the profile of and commitment to productivity-enhancing policy development and implementation in Australia.
Such an initiative would signal a concerted national effort to prioritise the role of productivity growth in raising living standards. Through an institutional arrangement such as an Australian Productivity Council (with the Productivity Commission acting as Secretariat), it would also emphasise the important role of collaborative policy development in matters of national importance.</t>
  </si>
  <si>
    <t>24 Hour Economy</t>
  </si>
  <si>
    <t>Reduce the need for Government to invest in infastructure ie roads, public transport by allowing businesses to operate 24 hours without financial penalty, This would allow flexibility to employees to work at a time convenient to the family unit. I.e. allow parents to collect children from school and provide opportunities for parents to share work life balance tasks.</t>
  </si>
  <si>
    <t>Current HR laws and awards are too rigid and restrictive when it comes to employees obtaining flexibility. Currently to provide flexibility to employees = additional expense.</t>
  </si>
  <si>
    <t>Recycle waste heat from fossil fuelled generation and smelting, to pipe heat energy to industries requiring lower heat.</t>
  </si>
  <si>
    <t>Industries such as wool scouring, leather tanning, food processing/cooking,  drying/dehydrating processes would benefit by taking "(free/low cost?)" waste heat from high temperature industrial sources, reducing cost of manufacturing their products and perhaps reducing the cooling infrastructure cost of the heat provider.   The same efficiency could apply by colocating downstream industries requiring "low grade" heat beside data centres.</t>
  </si>
  <si>
    <t>By recycling heat after its use by higher temperature industrial users, the cost of cooling before releasing to the environment is reduced and the energy demand and costs to the "downstream" user of lower temperature heat can be significantly reduced.
There are global examples in operation and a local study of this use of waste heat was modelled in the  Latrobe Valley in the 1990s.
In that example, waste steam from a power station turbine could be piped many kilometers to a lower grade heat demand, a paper mill, then on-piped to  a local community for heating major offices, hospitals, public buildings and a community swimming pool.  
In that study one issue was disposing of the heated water remaining after all those other users had extracted their heat demand!</t>
  </si>
  <si>
    <t>Increase Public Awareness of the Productivity Growth Imperative</t>
  </si>
  <si>
    <t>Develop ways and means to inform and educate the public on the value of sustainable productivity growth to living standards and to facilitate the implementation of productivity-enhancing policies.</t>
  </si>
  <si>
    <t>Public awareness of the importance of productivity growth is much lower than that for fiscal and monetary issues. This is despite the fact that sustained productivity, and therefore economic growth, underpins the capability to manage fiscal imbalance, debt levels, inflation and interest rates - the issues that are front and centre in the minds of the media and the public because of what is currently termed the 'cost of living crisis'.
Therefore, there is a need to develop a strong evidence-based information and education program to 'bring the public along' in support of substantiated cases for change recommended by this 'five pillars' project. This program should use the traditional and popular (social) media and on-line access to reach as many people as possible.
After all. keeping the public informed and involved and providing well-researched accessible material (through, for example, the papers produced by EPAC. and others) was a key factor in the successful implementation of the productivity-enhancing policies  of the 1980s and 1990s.</t>
  </si>
  <si>
    <t>Review and tighten government (construction) contracts with private contractors</t>
  </si>
  <si>
    <t>There seems to be a lot of private contractors working on government projects that seem to be incapable to deliver on time, or on budget, or charge exorbitant amounts of money for their services. There should be tooling in place that need to make these types of contractors more accountable on their deliverables, and the government should be able to swap and change the contractors swiftly when they are not meeting expected results. Favoritism should be flushed out of government contracts and people made accountable for the choices they make. Further so, looking at construction sector, government contracts seem to be more lucrative than working in private sector, hence the government with its generous payments contributes to the housing crisis. Infrastructure projects should be hence restricted in future to release some of this workforce into private sector</t>
  </si>
  <si>
    <t>Tightening contracts with private providers would:
 - Reduce government expenditure on external contractors
 - Release more workforce into the economy (e.g. construction workers working on government projects that could be working in private sector and providing housing to deal with the current housing crisis)
 - Improve productivity of private contractors</t>
  </si>
  <si>
    <t>Make sport activity spending tax deductible</t>
  </si>
  <si>
    <t>Incentivize people to spend more time being active by making sport expenditure (sports equipment, gym memberships etc) tax deductible.</t>
  </si>
  <si>
    <t>This would encourage people to spend more time being active in their leisure time which would: 
 - Increase overall energy levels of an individual
 - Make people spent less time being passive consumers (TV, shopping), restricting time spending doing activities not inducive to motivation and overall productivity
 - Improve people's health and morale
 - Decrease government spending on healthcare
 - Boost fitness industry</t>
  </si>
  <si>
    <t>One Nation One Law</t>
  </si>
  <si>
    <t>Australia has inherited British Law and we currently have nine legal systems, three layers of government(Federal,State and Local) and twenty four layers of government bureacracy (Six states and two territories = Eight Regions x Three layers of government). How much does this cost to run, maintain and develop each year? Is it working efficiently for the people of Australia in allowing them to reach their full potential or is it limiting their potential? Has it ever been reviewed since federation?</t>
  </si>
  <si>
    <t>We need to have one nation and one law for the whole nation. We need to stop wasting money with needless duplication and start empowering people not limiting them.</t>
  </si>
  <si>
    <t>Providing Australians with key products onshore</t>
  </si>
  <si>
    <t>We should incentivize companies to produce key products to provide to Australia to minimize external dependencies and create more key products internally. First step would be to identify critical items that we depend highly on import. Some key indicators in the matrix should be:
Criticality of an item
Level of Dependency
Complexity level to produce it
Dependency on raw materials to generate it
Industry Type 
Based on this, we should develop a matrix and create government funding so the companies can apply.
eg: IV fluids</t>
  </si>
  <si>
    <t>Benefits:
Increase Australian overall productivity
Incentivize companies to start thinking about providing goods easy to make and critical for Australians
Reduce dependency on export</t>
  </si>
  <si>
    <t>Lack of funding and support for listed  microcaps is a roadblock to innovation, job &amp; wealth creation</t>
  </si>
  <si>
    <t>Microcap companies listed on the asx are ignored when it comes to government support other than the successful R&amp;D rebate. Once a company is listed on the ASX, it is considered to be of a significant stature that the capital markets will support its future survival. The capital markets are made up of the brokerage community, institutional investors, founders and small Shareholders. If we initially focus on the biotech sector as an example the time to market (often 20 years), amount and cost of capital along with the regulatory requirements and lack of domain expertise make listed listed companies unattractive investments given the current aversion to risk and need for a portfolio approach.  The ability for these companies to survive is dire. Looking to the broader micro cap market there are significant areas of collaboration and government support leading to economies of scale which would achieve dramatic increases in capital values, employment and most importantly technological development and revenue to Australia from sales internationally. Software development is one example where the ease of global marketing is paramount however physical technological developments including biotech often require greater regulatory, capital and marketing support which small Companies are often not able to provide prior to achieving scale and the significant growth in revenues (40% pa) that investors currently require. Small cap listed companies have a level of risk that is no longer of interest to any sector of the investment community. Without government support which may not just be in the form of funding this sector is doomed to failure and especially given the ASX’s apparent lack of desire to grow this sector outside of mining.</t>
  </si>
  <si>
    <t>Support in the form of shared resources and access to capital is critical for the future survival of the small Sector and allowing it to transition and scale to larger more productive and employment generating enterprises. CSL is the perfect example of a company that has emanated from a government department operating as a Monopoly and transitioned to being one of Australia’s largest and most successful companies. Government mandated monopolies are not the basis for which we can create sustained growth in employment and wealth for Australia. The future fund is in a perfect position to support the small cap listed sector especially in the biotech space by providing a small amount of capital matched dollar for dollar with super funds and the government in the amount of $3 billion in total. The aggregation of key elements including manufacturing, regulatory and business development to support a global rollout seems obvious. The use of AI in supporting the competitive landscape for the allocation of resources to the biotech sector could be provided by companies such as opyl,s Trail key at minimal cost. The dream of most aspiring entrepreneurs as contained in the exit section of most business plans is an ASX listing. With the increase in interest rates and the risk free cost of capital increasing dramatically the desire to fund the future and take on risk has been severely diminished.</t>
  </si>
  <si>
    <t>Make more use of older &amp; retired Australians with skills and intellect that they would prefer to put to good use rather than stagnate</t>
  </si>
  <si>
    <t>The simple volunteer system for labour to support community programs is not enough. Take scientist, university lectures, engineers etc they mostly all love what they do at the core and some continue as contractors to business, but many dont have an opportunity. Can we harness this ? maybe supporting research programs at universities or business research programs.</t>
  </si>
  <si>
    <t>The idea of harnessing the expertise and passion of professionals like scientists, university lecturers, and engineers to support community programs or research initiatives is an excellent one. Here are some ways to operationalize this idea:
1. Structured Volunteer Networks for Professionals
	•	Specialized Platforms: Create a platform where professionals can register their skills, interests, and availability. The platform could connect them with universities, businesses, or community programs needing their expertise.
	•	Collaborative Projects: Facilitate partnerships between individuals and organizations. For example, a retired engineer could work on designing sustainable infrastructure for a community program or a scientist could mentor students on research projects.
2. Research Integration with Community Needs
	•	Community Research Hubs: Universities and businesses could create initiatives where research aligns with real-world community challenges, like renewable energy, clean water, or affordable housing.
	•	Joint Funding Programs: Governments or philanthropies could fund projects that involve professionals collaborating with businesses and universities to address specific problems.
3. Incentivize Participation
	•	Recognition Programs: Acknowledge contributions through awards, certifications, or public recognition.
	•	Small-Scale Grants: Offer stipends or resources for professionals contributing to these initiatives, especially if they’re between jobs or retired.
4. Professional Fellowships and Residencies
	•	University Fellowships: Create part-time fellowships where professionals can contribute to university research or teaching programs.
	•	Business Residencies: Businesses can offer residencies for experts to help with R&amp;D projects, especially those with a focus on sustainability or social impact.
5. Promoting Cross-Sector Collaboration
	•	Public-Private Partnerships: Bring together businesses, universities, and governments to create frameworks for professionals to contribute their expertise.
	•	Knowledge-Sharing Events: Organize conferences, hackathons, or think tanks where professionals can contribute ideas and collaborate with students or entrepreneurs.
6. Accessible Research Opportunities
	•	Many professionals in technical fields want to stay intellectually active. Universities and research institutes could offer:
	•	Part-Time Research Roles: Non-academic research positions tied to specific projects.
	•	Open Labs: Spaces where professionals can propose or join ongoing research programs.
	•	Online Platforms for Contribution: Crowdsourcing scientific and technical ideas, like citizen science platforms.
Challenges to Address
	•	Coordination: Matching professionals to opportunities needs efficient systems.
	•	Funding: Ensuring financial support for projects or stipends for volunteers.
	•	Recognition: Making sure contributions are visible and appreciated.
By creating a system to harness this untapped expertise, we could achieve dual goals: advancing important societal projects while giving passionate professionals meaningful outlets for their skills and experience.</t>
  </si>
  <si>
    <t>Harvestsphere : Water-generating greenhouses transforming unproductive land into food, fiber, and feedstock making Australia a top green exporter.</t>
  </si>
  <si>
    <t>Harvestsphere enables water-generating greenhouses on inland Australia’s marginal lands to grow food, fiber, fodder, and feedstocks for net-zero transition. Using a unique solar collectors, thermal storages, and vast tensile greenhouses, it supports crops like soy and corn for biodiesel, ethanol, and renewable feedstocks. This innovation can replace fossil fuels, cut millions of tons of CO2, improve soil health, create thousands of jobs, and generate billions in export revenue</t>
  </si>
  <si>
    <t>HARVESTSPHERE transforms marginal land with a tenfold boost in agricultural productivity, driving economic growth. Its proprietary innovations create vast opportunities across sectors, including thousands of professional and semi-skilled jobs in R&amp;D, construction, agriculture, manufacturing, and export. By enabling large-scale production of renewable feedstocks and biofuels, it enhances Australia’s competitiveness, generates billions in export revenue, and supports sustainable economic expansion.</t>
  </si>
  <si>
    <t>Age care support services delivery</t>
  </si>
  <si>
    <t>As an age care pensioner, getting helpful services in a timely manner is problematic.</t>
  </si>
  <si>
    <t>If pensioners with some funds available could put them in an interest bearing account, but quarantined from the income and assets test, and able to be solely used for engaging cleaning and maintenance purposes only, it would streamline access to help.</t>
  </si>
  <si>
    <t>Tech startups fuel productivity - Govt must help startups grow</t>
  </si>
  <si>
    <t>Tech startups that can become scaleups can create jobs and radically boost productivity - in healthcare, finance, building, general management and many other areas. Govt can support the tech startup sector with grants and competitions and by buying from Aust tech startups</t>
  </si>
  <si>
    <t>Govt can help create and grow the tech startup sector by making $25k MVP grants widely available, help with grants (to tech firms in the right areas), and have Govt departments work with and buy from the tech startups and scaleups. Govt departments must share more data with the tech sector when they are working on projects that help make Aust more productive. As a general suggestion, ask every Federal Govt department to create a competition for tech startups to pitch to solve the top problems within the Govt Dept. Competition winners will get funded and that can start a cycle of innovation, growth and productivity</t>
  </si>
  <si>
    <t>Focus for productivity</t>
  </si>
  <si>
    <t>Less rent seeking more innovation</t>
  </si>
  <si>
    <t>Get rid of incentives for housing and mining and make more incentives for innovation 
Tax mining profits and put in sovereign wealth fund like Norway
Take away free ride for eastern gas cartel and have to pay royalties invest back in nuclear 
Take away capital Gains concession for housing and neg gear just for new builds also cap immigration to housing supply
Build nuclear
Create advanced manufacturing for batteries with lithium reserves
Focus on AI and blockchain for automation
Create sandbox for Crypto innovation and make it tax free to invest in crypto in Australia 
We should be building robots and 3d print houses and be world leaders in Blockchain with niches in AI not focus on housing speculation and mining only 30 more years left on iron ore reserves</t>
  </si>
  <si>
    <t>Bridging the gap between early education services and the parents work schedule.</t>
  </si>
  <si>
    <t>Preschool and early childhood education class times end from 2.10 pm ( preschool)  to btn 3.10-3.20 pm for primary school.
Parents working days end at 5 pm.
This disconnect seriously restricts the ability of the parent( usually the woman) to take on full employment.
Grandparents often take on the duty of child collection after school finishes but when this helps not available the parent cannot work.</t>
  </si>
  <si>
    <t>When classes finish for the day I suggest that the pre school / junior primary school remains open till 5 pm. Children would have a rest and play, parents provide extra food for a snack, and then children settle to do homework or be offered extra tuition if required.
The staffing for after hour schooling would  be a reduced teaching presence as the role is more one of supervisor  and non professional staff to manage child care.
The object of this service is to increase employment options for the parent. The skilled and adaptable workforce is available because it is not restricted by a system- Education - that impedes 
Employment.
A secondary bonus could be enhanced childhood wellbeing. 
A extra school curriculum that can include physical activity, play, health programmes etc.
I suggest that this interplay between work and early childhood education could achieve a more resilient and dynamic</t>
  </si>
  <si>
    <t>Drive Productivity Through Better Tax Policy</t>
  </si>
  <si>
    <t>Migrate our tax base from income to consumption taxation.</t>
  </si>
  <si>
    <t>A tax review in Australia is long overdue. With the right policy settings, it can be a direct and effective method of driving productivity in the long term.
Right at the heart of this proposal are the Australian people who are enterprising, and prepared to take commercial risks to create jobs, businesses and opportunities for other Australians. They do so on the basis that they will do better than taking a job with an employer or with the government. They are the people that want to be productive. 
By reducing or eliminating income tax, they will be motivated to work harder and earn more. At the same time, increasing consumption tax to cover the government's income gap. This will motivate to spend and consume less. This will have a positive effect on sustainability. Add to that some level of flexibility to modify the consumption tax rate according to economic conditions, which can be used as an instrument to slow economic activity in times of inflation and increase economic activity in times of deflation. That will take the emphasis off interest rates as the primary instrument of economic control, which should stabilise capital markets and make debt a more suitable source of capital for society. It should also encourage to earn and save more, resulting in more available domestic investment capital, while reducing demand for consumer goods from overseas. In the long term, Australia should be more capital self-sufficient and individuals should be more wealthy.</t>
  </si>
  <si>
    <t>Get transport moving so that less people and businesses have less unproductive time. Sitting in traffic is unproductive, espicially for logistics operators</t>
  </si>
  <si>
    <t>Current laws often allow the convenience of the minority to override the mobility of the majority.
In Melbourne we allow a couple of parked cars to cause bottlenecks that slowdown literally at times hundreds of people and transport vehicles.
Roads are expensive to build, why limit the flow of traffic along multilane roads by allowing a couple of people to park their cars, that inconvenience many people.
Why allow one person turning right in front of a tram to slow down the trip of maybe one hundred people on the trams. Additionally, if trams moved at a faster pace more people would use them thus reducing the number of cars on the road and the damage to the environment from emissions pollution.
I appreciate trams are a Melbourne centric issue, but I am sure if public transport was quicker in other states, there would be similar productivity improvements.</t>
  </si>
  <si>
    <t>Improving vehicle flow is about significantly more clearways. Vehicles should not be allowed to park along arterial roads between say 7am and 7pm. Nor should vehicles be allowed to park on roads with tram lines during tram operating hours(why should one person parking be allowed to slow down a tram with maybe 100 people on it?). Parked cars along tram lines, also stop vehicles passing the tram, slowing down their journey.
Trams and other public transportation should have priority over cars, in particular with right hand turns</t>
  </si>
  <si>
    <t>Abolish State governments</t>
  </si>
  <si>
    <t>When asked no one can think of one policy area that cannot either be run at National or Greater Metro area.
Why have all the complications of different laws in different states, duplicated bureaucracy, overlapping laws between national and states (e.g.  environmental) and wasted energy of finger pointing and negotiating funds.</t>
  </si>
  <si>
    <t>Get rid of state governments. Admittedly there will need for new Metro authorities to manage transport infrastructure across metro areas.
There should clear be demarcation about what is to be decided at National and Local government to avoid the current overlaps.</t>
  </si>
  <si>
    <t>Carving pathways for creative and critical thinking to meet tomorrow's challenges in our economy and society</t>
  </si>
  <si>
    <t>Australia's teenagers rank fourth in the world for creative and critical thinking, which are skills essential for a productive workforce and economy. The OECD’s first-ever assessment of creative and critical thinking in 64 countries reveals Australia's comparative advantage in these skills.
Australia should act to harness this strength, leveraging creative and cultural engagement's capacity to benefit the key determinants of productivity. We also need to maintain and grow this strength, including by ensuring our students continue to have opportunities develop these skills.</t>
  </si>
  <si>
    <t>Creative and critical thinking are essential skills that will equip Australia to face future problems and confront economic challenges. This is why researchers include these skills in the '4Cs' of 21st century skills. Our industries and workforce need creative and critical thinking to generate and refine diverse, original ideas for a productive and prosperous future. This is why Australians need lifelong opportunities to learn and strengthen these skills.
New evidence shows how arts and cultural activities can contribute to creative and critical thinking. Prime examples include:
- Reading fiction plays a unique role in developing people’s capacities for critical thought, as distinct from reading non-fiction.
- Creativity and arts – including speculative fiction – open new educational experiences and enquiries around climate change problems and the future.
- Creative activities undertaken in early childhood settings and at home could contribute to increasing children’s mental function and metacognitive capacity.
There are exciting opportunities to develop creative and critical thinking during childhood and to sustain and spread them in the workforce, enhancing productivity. These include:
- Embedding activities related to creative thinking in national curriculums, as the OECD recommends. The OECD recommends engaging students in tasks that require creative thinking on a ‘regular but considered basis’ (e.g. as part of lessons taken once or twice a week).
- Tapping into creative and critical thinking skills to spread innovation beyond creative industries. When other industries employ creative workers, this enables creative and critical thinking skills to spill over beyond creative industries. Analysis of the latest Census data by Dr Marion McCutcheon and Professor Stuart Cunningham confirms more than half of the 409,000 workers in creative occupations were employed outside of creative industries.
- Identifying ways to leverage Australia’s high levels of childhood participation in cultural activities to bolster creative and critical thinking. ABS data shows that 94% of Australian children aged between 5 and 14 participated in a cultural activity outside of school hours in 2021–22. Such activities include screen-based activities, drama, singing or playing a musical instrument, dancing and creative writing.
- Building pathways to translate strong creative and critical thinking at a teenage level into a more creative and productive workforce. This could explicitly map problem solving and idea generation needs in the workforce to learning outcomes, which are part of a continuum already developed by the Australian Curriculum Assessment and Reporting Authority.
For sources and further details, see the Insight Reports 'Transformative Edge 2024' and 'Accelerate' by A New Approach (ANA).</t>
  </si>
  <si>
    <t>Reduce the standard working week to 30 hours over the next 8 years whilst keeping full time weekly wages at least the same in real terms</t>
  </si>
  <si>
    <t>Reducing the standard working week to 30 hours will increase productivity because output will stay the same or decrease a small amount while hours worked will decrease more. This should be introduced over a relatively long period of time, with the hours decreasing successively over the years (eg. decreasing 1 hour per year and 2 hours in the last two years). Because productivity gains do not necessarily lead to proportional wage growth and there has already been a divergence between productivity and wages over the last few decades, the shortening of the work week should be accompanied by a mandated hourly wage increase so that the full-time weekly/annual wage is at least the same for the 30-hour week as the 40-hour week in real terms.</t>
  </si>
  <si>
    <t>Shortening the work week will force firms to make their production process more efficient to maintain output, and will also provide incentives for them to conduct more research introduce better labour-saving techniques to avoid having to pay overtime. Having the change come in over a longer time frame will give firms enough time to adjust their management and workforce structures and make investment decisions. Workers will receive large benefits with an extra day of free time and higher nominal wages to be able to spend during their leisure time. With looming ecological catastrophe and finite resources, productivity increases should be directed to freeing up more time for people to spend as they wish rather than overproducing a surplus of goods that create unnecessary waste and carbon emissions.</t>
  </si>
  <si>
    <t>A coordinated approach to innovation precincts and networks</t>
  </si>
  <si>
    <t>Productivity challenges must be tackled holistically by working with employers, researchers, training providers, governments, communities and others through networked ecosystems. Australia’s productivity and cohesion could benefit from a structured, coordinated approach to place-based innovation and activation. Concentrating resources and initiatives in specific geographic areas leads to increased productivity and innovation through the process of ‘agglomeration’. Government coordination and tertiary sector presence can ensure resources are brought together around the right challenges and maximise the benefits of greater agglomeration. RMIT is testing these placed-based approaches across its Australian campuses.</t>
  </si>
  <si>
    <t>Australia would benefit from a structured, coordinated program of place-making, creating clusters of economic and community activities in designated geographic areas. These could be coordinated by government around key societal challenges like net zero transition or increased demand for social care and wellbeing services and build on the several existing place-making initiatives that have been developed by federal, state, and local government, as well as the private sector.
Place-based innovation can increase productivity through ‘agglomeration’, a process which brings together people and organisations from different disciplines and backgrounds to work on the most pressing social challenges of our times. 
A meta-analysis of 47 international studies found a positive relationship between spatial concentration and productivity. These agglomeration-productivity benefits from connecting people and organisations to each other are driven by a range of factors, including
•	Sharing: Sharing of indivisible facilities (e.g. roads, streetlights), intermediate suppliers, workers, and consumers reduces fixed costs. Sharing also encourages specialisation and allows firms to pool risks.
•	Matching: Spatial concentration makes it is easier for different types of workers and employers to find each other and enables more productive job-worker matches at a faster rate (also known as labour market pooling).
•	Learning: Denser environments facilitate the transfer of information, knowledge, training and skills and support innovation. The rising dominance of the ‘knowledge economy’, combined with the rate of technological progress means that sharing of ideas and information is increasingly important. Even in a world of fast communication technologies, close proximity between firms, education providers and researchers provides more opportunities for face-to-face learning, knowledge generation and exchange as well as the transfer of skills. 
Case Study: place-based investment to respond to net-zero transition skill needs.
The workforce transitions required by the Australian economy, particularly those with the size and significance of the clean energy workforce, can only be achieved with system level change. This includes tackling skills and productivity challenges holistically by working with employers, researchers, training providers, governments, communities and others through networked ecosystems. Jobs and Skills Australia’s ‘Clean Energy Generation’ report notes that both clean energy technology researchers and educators delivering courses on renewable power innovations, installation, and maintenance are critical for effective workforce development and transition. RMIT believes this ambition can be best met by embedding workforce development and education in place-based precincts that integrate and connect with applied research capability and collaboration with industry and policy-focused partnerships. Drawing together researchers, educators, trainers, students, and industry in place can facilitate the creation of vibrant innovation and lifelong learning ecosystems and:
•	Support market confidence and drive investment confidence in clean energy technologies.
•	Facilitate partnerships between clean energy companies and universities for independent piloting   and testing of new systems and technologies
•	Create a smoother pathway to commercialise innovative, emerging renewable energy technologies.
•	Close the gap between innovation and practice by co-locating research and training in clean energy technology (i.e. providing students access to cutting-edge technologies).
Source: 
•	Melo P, Graham DJ and Noland RB (2009), A meta-analysis of estimates of urban agglomeration economies, Regional Science and Urban Economics 39, 332–342agglomeration economies, Regional Science and Urban Economics 39, 332–342
•	The Clean Energy Generation | Jobs and Skills Australia at https://www.jobsandskills.gov.au/publications/the-clean-energy-generation</t>
  </si>
  <si>
    <t>Age Pension</t>
  </si>
  <si>
    <t>The Age Pension is currently subject to; a) An initial application b) Ongoing reporting requirements of income and assets c) Annual reviews, all of which are subject to Acts and Regulations. The administration effort by those who are recipients of the Age Pension, the regulators and administrators represent non-productive effort and negatively affects Australia’s productivity. The cost of this effort should be evaluated against its benefits, if any, other than enforcing government regulation.</t>
  </si>
  <si>
    <t>If the Age Pension entitlement were subject to a set of simple rules, the government would not need to administer the system as it exists now. The rules would simply be.
•	You are an Australian Citizen 
•	You have worked in Australia and paid taxes to the Australian government
•	You have reached an age that qualifies you for the Age Pension
The quantum of the Age Pension would be determined by the number of years you have paid taxes in Australia as a proportion of say 40 years at the time when your age qualifies you for the Age Pension.
The implication of this would be;
•	Everyone that meets the three criteria receives the Age Pension, irrespective of their wealth or income unless they elect not to receive the Age Pension.
•	Government would save the administration costs over the remaining life of recipients of the Age Pension.
•	The total amount of Age Pensions paid would increase.
•	People over the qualifying age for the Age Pension would be more likely to remain in the workforce or seek casual part time work.</t>
  </si>
  <si>
    <t>Digital skills workforce training</t>
  </si>
  <si>
    <t>The digitisation of the Australian economy is driving demand for a range of data, technology and digital skills, from broad based technological literacy through to highly specialised skills (i.e. AI, cybersecurity, machine learning). RMIT and Deloitte research indicates that 3 in 5 Australian businesses are facing digital skill gaps, costing Australia $3.1 billion in lost productivity each year. Targeted investment in workforce training for existing workers via government-funded microcredentials and co-designed learning experiences is vital to inclusively closing the digital skills gap and increasing productivity.</t>
  </si>
  <si>
    <t>Australia’s productivity and competitiveness could significantly benefit from a large-scale, targeted workforce training program in key essential and in-shortage digital skills. 
Digital skills gaps: The digitisation of the Australian economy, accelerated by the pandemic, will continue to drive demand for increasingly complex digital skills such as artificial intelligence, cybersecurity, and machine learning. Deloitte Access Economics found that 2.6 million Australians require digital skills to perform their roles. 
58% of surveyed Australian businesses lacked one or more of the digital skills they required to do business. 18% of surveyed businesses called out reduced productivity as one of the consequences of skills gaps. These digital skills gaps are estimated to be costing large Australian businesses $3.1 billion each year. 
The importance of workforce training: To fill skills gaps, business can either train employees or hire externally. The current reliance on hiring externally puts pressure on an already tight supply of labour, particularly for workers with digital skills, and does not address the total stock of the required skills in the overall workforce. Existing multi-year accredited learning programs (i.e. Bachelors degrees) are not sufficiently responsive, flexible, or accessible to provide the short, targeted skills required to meet the pace of skills change. 
There is a need to invest in education products and pathways that can respond flexibly to changes in skill needs and support participation from diverse learner cohorts. Existing staff training and professional development is an effective tool to address skills needs but must be delivered the right way to be effective, which requires substantial time and resources from employees and organisations, including to ensure skills developed align to business needs. 
The size of the investment required: RMIT and Deloitte modelling estimates that large Australian businesses would need to spend $1.5 billion this year on training to address the existing digital skills gap, equivalent to $885,355 per business. This represents around 0.3% of total business expenditure for the average large Australian business. 
Proposed solution:  An expansion of government-funded microcredentials and short courses in digital skills could support upskilling at scale and more effectively distribute training across sectors and workplaces, to help overcome the cost barriers to reskilling faced by SMEs and individuals. Selected examples are below:
Case study: Victorian Government’s DJSIR Digital Skills Program to upskill mid-career Victorians. 
RMIT Online partnered with Victoria’s DJSIR to design and deliver its Digital skills programs which provides a cost-effective approach to upskill 5,000 mid-career Victorians with digital skills. The program includes 12-week intensive training courses in areas like cyber security, IT support, digital marketing and business analytics, before the opportunity to be matched with a Victorian business for a 12-week government-funded paid placement. RMIT delivered a suite of eleven training courses to 1,738 students in 2023.   
Case study: Victorian Government Skills Solution Partnership: RMIT’s Health Transformation Lab, CISCO, and Grampians Health
Leveraging the Victorian Government’s ‘Skills Solution Partnership’ funding, RMIT and Grampians Health are collaborating to take advantage of the opportunities that digital technology presents in the healthcare sector. Grampians Health staff lack core digital skills, and a recent analysis identified upskilling is needed for frontline staff, hospital administrators, and IT specialists. 
Training to respond to skills gaps will focus on areas like networks, cyber-security, systems, DevOps, IoT, AI, and automation. Skills solutions will aim to address urgent workforce needs as well as develop solutions for longevity. Training will be configured as a suite of ‘stackable’ self-paced, short courses of varying lengths to enable skill-building over time. Courses will lead to certificated micro-credential outcomes.
Source:
•	Ready, Set, Upskill Edition 3 2023 
•	Ready, Set, Upskill Edition 4 2024 
Both available at https://online.rmit.edu.au/insights</t>
  </si>
  <si>
    <t>Fast-track work-ready skills through ‘earn and learn’ education models in the social care sector to support people into accessible learning and work</t>
  </si>
  <si>
    <t>We need more opportunities for people to earn an income while they study and learn skills on the job. Increasingly, economic realities make it difficult for people to study full time or take significant pay cuts to re-skill. Earn and learn pathways – such as a degree and higher apprenticeships - offer a meaningful solution to critical skills shortages, which WIDI (the Workforce Innovation &amp; Development Institute, at RMIT University) has demonstrated in its pilot programs for the care sector.</t>
  </si>
  <si>
    <t>Existing traditional training and education models are not meeting our current social care sector workforce needs. Service providers are facing or worker capability gaps and pipeline shortages, workers career development and progression is limited and as a result the sector is not meeting the needs of users, clients and the community. 
We need to rethink how we train and support our workforce to address the challenges of exhaustion, burnout and staff shortages exacerbated by the pandemic,  and improving the capability of workers and quality of care across the social sector. 
We need earn-and-learn models to build the workforce in both quantity and quality, quickly, if we have any hope of meeting the future workforce projections of an additional 301,000 health and social assistance workers by 2026, a growth of 15.8%.
‘Earn and learn’ has become an overarching term to describe innovative models of combining education and training with paid work. Apprenticeships are among the most familiar version of these earn-and-learn models but these are often seen as the domain of traditional trades.  Other approaches include traineeships (technically used to describe non-trade apprenticeships), internships, and cadetships.
At their best, earn-and-learn models can offer many benefits, including:
       - Offering workers the ability to gain qualifications while continuing to earn a wage to support themselves and their families
       - Improving diversity of the workforce by opening training opportunities to a wider pool of candidates who may not have been able to afford the time or money to study 
       - Connecting training to the lived experience of their role, ensuring skills development is meeting their needs in the workplace
       - Supporting workers as they commence a new role and new career providing the mentoring and support to retain them in this critical period
       - Supporting workers who might not otherwise have had the opportunity or confidence to develop and further their qualifications to support career progression and create meaningful careers
       - Allowing organisations to grow and develop their workforce while ensuring relevant skills, capabilities and knowledge are more rapidly acquired and applied, and more relevant to the service and quality outcomes sought 
Many roles across the social care sector require degree or post-graduate qualifications, with a social work degree being the default qualification (in some cases it is becoming a mandatory requirement). The opportunity exists to define and formalise pathways for workers with significant work experience, or vocational qualifications to be able to gain a degree-level qualification while in employment. 
A national approach to these models is essential to meet the needs of several critical workforce areas (of which the care sector is just one), to enable a safe, efficient, productive, and supported workforce for meaningful careers.</t>
  </si>
  <si>
    <t>A Disaster Resilience Officer for every LGA</t>
  </si>
  <si>
    <t>To build a national cohort of Disaster Resilience Professional Officers living and working in each of the 576 Local Government Area  to reduce the costs and damage of natural disasters.
This cohort would be supported by existing exemplary manuals and training materials.
In particular I propose that the professional group create podcast forum and national TV program like Landline/Gardening Australia to spread the success stories and engage people to sell the benefits of personal and community action.</t>
  </si>
  <si>
    <t>The social and dollar costs related to natural disasters of drought, flood and fire have escalated dramatically in last ten years.
In essence the climate variations are ensuring shorter cycles, longer seasons and more severity. Other biosecurity issues are also showing greater destructive potentials such as marine invaders, pests, bird and human flu.
Emergency Agency’s media pundits blame everything on climate change and indicate that we did the best job possible. 
My, and others with exceptional front line and executive experience, in emergency management see a very different underlying story following detailed research and reviews particularly since 2010ish.
The seemingly endless Government Inquires have avoided the root causes of the escalation, as it would embarrass agencies and governments for not doing basics of planning, operation response and recovery (PPRR).
The root cause lies around changing demographics, at risk populations being unaware and not prepared for the risk eventuating, a social/cultural change in that people no longer being self-reliant and an expectation by many in the community that the government will bail them out.  The insurance industry is abandoning flood and fire risks, or it costs so much no one can afford it. Another anomaly is that there is clear evidence that some Agencies are just not performing due mainly to a cultural shift from supporting and coordinating PPRR to fancy white shirts covered in badges controlling everything from some central robotic headquarters. The competence of these Agencies has diminished exponentially in many cases.
While some studies have been done on costs it is very clear that economists and experienced emergency controllers know that $1 on preparation avoids $3 on response and $5 on recovery.
Looking at the most successful reduction in costs is what is now called local resilience. This was the practice largely until 2000 where all parties with an interest formed district or (LGA) emergency committees that had local council Chief Engineers, Police, Fire, Forestry, Water Boards, Farmers, NPWS, Electricity and Transport Authorities. Locals seeing, doing and achieving risk reduction and community support in minimising damage when the inevitable event happens.
There are very sound how-to manuals and field practice examples to draw on that largely now are lying idle, with some exceptions, on how to succeed well in disaster management.
Given the $ billions being spent annually across Australia on response and recovery it would make sense to spend some serious dollars on preparation to reduce other costs.
Ideas like funding 576 LGAs to have a resilience officer to champion district level risk profiles and foster joint efforts to manage locally. Understanding that State and Commonwealth agencies will coordinate and support actions of PPRR.
This all about avoiding costs. Some LGAs already have similar staff appointments. The cost of EL2 say $200,000 all up * 576 plus training coordination/ seminars and podcasts or Gardening type show $120 million per annum. The multiplier effect of such a model would be extraordinary given saving one house in one LGA would cover costs for five years in a single LGA.
I am confident that a serious cost benefit study of this idea will show an exponential return on the investment.</t>
  </si>
  <si>
    <t>Stop protests that block me getting to work</t>
  </si>
  <si>
    <t>Peaceful process should always be allowed. Activity that prevents people from going to work should not be legal.</t>
  </si>
  <si>
    <t>I have lost several days of productivity to people using public assets (roads) to engage in political activism. I would like to see analysis as to how many hours of productivity are lost when roads, highways and public transport is shut down due to protest activity. If those protests were moved onto parkland and next to roads, the protests could still occur peacefully and workers could still get to work.</t>
  </si>
  <si>
    <t>Modify the Secondary Education Curriculum Delivery System, Australia within current resourcing levels.</t>
  </si>
  <si>
    <t>•	To adjust the curriculum delivery model in Secondary Schools in Australia to provide greater flexibility in timetabling and enable a logistic shift in planning and organization of school programs to deliver the needs of Secondary Education 2025-2030 and beyond?
•	To formally increase collaborative learning projects encompassing a broad range of opportunities (STEM, Business, The Arts and Culture, International Collaboration and others) by decreasing the content and formal times for courses in a managed way that provides opportunities to “develop, action and live” business skills in all students whilst at the same time retaining rigor in the “essential skills acquisition” of formal learning.
•	To implement this change with a minimal risk management process for Government, Education Systems, Schools and the Community.</t>
  </si>
  <si>
    <t>Hypothesis: If our secondary school curriculum delivery model catered for 90% of students before the 21st Century; and now caters for 70%, the effective management of curriculum delivery and learning by schools is severely impacted.
A full program in Senior School is studying 6 courses for 4 hours per week in each of Year 11 and 12. This concept suggests reducing each course by one hour/week and introducing 2 x 3 hour Collaborative Project (CP) time slots of projects that can be linked to current courses but which develop in students the way businesses, research bodies and community develop and invent new solutions in the world today. Many students already involve themselves in this type of learning.
The current model of 6x4 is too rigid and flows from Year 11 and 12 right down to Year 7 as resourcing logistics only fit that model. An 8 x 3 Model provides greater flexibility. (ie change Year 11 and 12 mandated course time per week to 3 hours instead of 4).
I can provide my full Discussion Paper.</t>
  </si>
  <si>
    <t>Building a Resilient Maintenance Planning Workforce</t>
  </si>
  <si>
    <t>The lack of formal qualifications for Maintenance Planners hampers productivity and efficiency. Current training relies on informal learning rather than maintenance-specific knowledge. Defining clear roles and performance standards can reduce errors and boost employee engagement. Initiatives like the Australian Skills Classification aim to formalise maintenance competencies, underscoring the need for standardised training and support to develop a skilled workforce in maintenance planning.</t>
  </si>
  <si>
    <t>There is a lack of a formal qualification for Maintenance Planners and the potential benefit of addressing this gap is compelling.
Lack of Formal Qualification
•	Maintenance Planning across Industry highlights that there is no formal qualification for a Maintenance Planner. This is presented as a key lesson learned from 4,000 planners.
•	Some courses do include relevant modules, such as the MEM50212 Diploma of Engineering – Technical. However, it is not a dedicated qualification specifically for maintenance planning.
•	The absence of a recognised qualification means that the knowledge of what a ‘good’ job comprises may be reliant on conversations with more experienced personnel and an individual’s memory, rather than formalised standards.
Potential Benefits - the issue suggests that addressing the lack of formal training and role clarity would have substantial benefits. While the issue does not directly mention ‘Reduced Downtime’, ‘Cost Savings’, ‘Improved Safety’, ‘Increased Productivity’, or ‘Higher Quality Work’ as direct results of formal training, they do imply such benefits.
•	Role Clarity and Standards: The need for role clarity is a major theme. The development of standards of performance is seen as essential to ensure that new and experienced personnel understand their responsibilities and how to perform their jobs effectively. This would logically lead to reduced errors, rework, and ultimately cost savings and increased productivity.
•	Improved Processes: The issue emphasises the importance of people, processes, and systems working together. Properly trained planners would be better equipped to manage processes, resulting in more effective maintenance management, which would logically lead to reduced downtime and increased productivity.
•	Engagement and Support: The issue note that a significant number of employees are actively disengaged. This has a cost to the Australian economy of $31.5 Billion dollars. There is a strong correlation between engagement and positive workplace relationships. Training and better support for maintenance planners would lead to increased engagement which in turn leads to improved outcomes and productivity.
•	Addressing Discontent: The issue suggests that maintenance teams are often criticised for not managing work effectively, rather than for their trade skills. A formal qualification and better support for maintenance planners would address this perception, leading to a more positive and productive environment.
•	Skills Development: The Australian Skills Classification (ASC) and the upcoming National Skills Taxonomy (NST) aim to provide a common language of skills to increase understanding and recognition of skills across occupations. This could indirectly support the formal recognition of maintenance planning skills and would assist in the identification of skills gaps and needs within the VET sector. The ASC identifies core competencies common to all jobs, as well as specialist tasks that are specific to certain roles, which would be useful in understanding what a formal qualification for Maintenance Planners would encompass.
The National Skills Agreement aims to strengthen the VET sector and ensure it provides high-quality training, which could support the development of formal qualifications for maintenance planners. The National Skills Plan outlines the vision for the national VET system and could include initiatives for formalising maintenance planning.
In conclusion, while the issue does not explicitly state that a formal qualification for Maintenance Planners would lead to reduced downtime, cost savings, improved safety, increased productivity, and higher quality work, they do provide evidence that addresses the need for more formalised training, role clarity, standards of performance, and support of people within a process framework, and that these actions would logically contribute to the benefits you have listed.</t>
  </si>
  <si>
    <t>Save government costs, free up skilled Australians for dynamic and innovative workplaces.</t>
  </si>
  <si>
    <t>Reducing the public service would free up resources, stop wasted talent, increase economic dynamism, and save money for current and future generations. It would also push more Australian workers into genuinely productive roles.
The public service is extremely expensive, with costs increasing within an already strained budget (this has been widely reported). By international standards, Australia spends a lot on its public sector, and this burden will ultimately fall on younger Australians in the future.
Cuts to areas of the public service that are largely unused and stocked with very expensive staff could save Australians a lot of money, potentially reducing taxes or increasing other areas of spending, and liberating Australians with higher potential elsewhere into the economy (even if they would then get paid less).</t>
  </si>
  <si>
    <t>There are two types of public servants: service delivery and policy analysis.
Service delivery is important. These people provide essential support that we Australians culturally value. The jobs could be done better, but they’re necessary—and, per person, cheaper for taxpayers than the people below. Service delivery should not be cut (maybe expanded, or drudgery reduced).
Policy analysis roles, on the other hand, don’t produce much of value to us Australians. Countless reports, policy proposals and notes to ministers are produced, covering overlapping or predictable topics. Agencies frequently duplicate efforts, and they’re ignored or cherry-picked by politicians. This work costs the economy and Australians resources to produce, and the outputs are predictable and sad. Many of these roles wouldn’t survive the Productivity Commission’s own benefit-cost analysis tests. 
These roles are staffed by highly educated individuals who are paid a lot but would struggle to find equivalent jobs elsewhere (I don’t know how much oversight is paid to what they do during their days). Instead of producing innovative or responsive work, many analysts become expert emailers and meeting attenders. Cutting these roles would free talented individuals from stagnation before they’re broken and redirect them toward meaningful work in the real world, academia, charities or other areas that contribute directly to Australia’s productivity and innovation.
While this would be painful for the individuals affected—resulting in significant pay cuts when they move to new roles, if they get them—their new jobs would involve making or providing services of real value to Australians or overseas. I know this will hurt the feelings of PC staff (since they're under this umbrella), but it’s the same adjustment logic the Productivity Commission has applied to other industries like car manufacturing in the past, so they should be objective. TAFE courses could help older and more rigid former policy analysts transition to new roles.
Why this reform matters:
1.	Savings: Cutting roles reduces debt or allows cuts. Public spending should only be justified when it generates real public value, and much of this work simply doesn’t. It’s handwaved as justified with an unknown counterfactual.
2.	Talent reallocation: Early-career professionals would no longer be trapped in a stagnant public sector career track. Instead, they could pursue dynamic roles with real world employers, or contribute directly to teaching and research in universities.
3.	Improved dynamism: The public service is slow and unresponsive, as demonstrated by how long it took to release Australia’s AI policy—a mediocre and predictable outcome despite months of delay. Redirecting talent into faster-moving, innovative environments would enhance responsiveness and learning, particularly in fields like digital technology.
The cost of maintaining the public service at its current size is massive, and with budget forecasts increasingly shaky, this is a problem Australia can no longer afford to ignore. The public sector needs to be pruned. And while it’s contrary to the Commission staff’s own self-interests, I hope if anyone in the bureaucracy would have the intellectual rigor to listen to this, it'd be the Productivity Commission.</t>
  </si>
  <si>
    <t>Increasing the number and improving the quality of public toilets</t>
  </si>
  <si>
    <t>There are much fewer public toilets per capita than in say Japan or Singapore. This lack of amenity erodes the quality of life of the public, especially the elderly, who need to go more often, and tourists, who would know of fewer alternatives.</t>
  </si>
  <si>
    <t>Having many more publicly available toilets, and of the high quality Japanese automated washlet/warmlet style, accompanied by an extensive public education programme, would improve quality of life appreciably.</t>
  </si>
  <si>
    <t>Better bus shelters as a basic human right</t>
  </si>
  <si>
    <t>A public or public/private-soonsored programme to ensure bus shelters are built for every stop along bus routes and that they meet a minimum code or standards. The requirements should include shelter from inclement weather and harsh sunlight, solar panels to help ensure efficient illumination in the dark, adequate seating, clear line of sight to approaching buses, security cameras and ample and clear information about the bus services servicing a stop.</t>
  </si>
  <si>
    <t>Enhanced bus shelters would encourage bus ridership, improve the quality of life for users and ensure their health and safety.</t>
  </si>
  <si>
    <t>Efficient traffic flow</t>
  </si>
  <si>
    <t>Have the public and private sectors work together to improve the flow of traffic by synchronising traffic light to enable a wave of green lights for main roads.</t>
  </si>
  <si>
    <t>Traffic lights across the land are now not coordinated on arterial/trunk/major roads to produce a ‘green wave’ of lights that ensure more traffic on major roads can flow through easier and not be impeded by the stop/starts of unsynchronised traffic lights. The lights should be coordinated in turning green, favouring traffic moving towards city/town centres during the morning rush and away in the evening. Such a ‘green wave’ traffic light system has been in use in Singapore for years, so it’s technically feasible. Among the benefits would be i) the aggregate time saved in travelling on the roads especially during peak hours, ii) money saved by businesses as their deliveries take less time, iii) lower emotional, physical and psychological toll with the improvement in quality of life as driving during peak hours becomes less frustrating, iv) savings to households and businesses as vehicles move more efficiently, resulting in fewer repairs from wear and tear and lower fuel bills.</t>
  </si>
  <si>
    <t>The high cost of free parking and other car related issues</t>
  </si>
  <si>
    <t>Productivity can be improved through introducing proper price signals into Australia's roads network. This includes properly pricing on street parking, removing minimum car parking requirements in the planning system, pricing congestion (e.g. what is happening in New York), and making sure that drivers (especially trucks) pay for the use (and damage) caused to the road network.</t>
  </si>
  <si>
    <t>Price signals are a powerful tool to ensure that scarce resources are used for their most productive use. Land and the road network are scarce resources and it is important that they are used productively. These reforms will improve travel times, prevent cross subsidies, and discourage investments with large opportunity costs (e.g. highway lane expansions). 
Low income households can be compensated if they are impacted through concessions or alternate options (e.g. cheaper PT fares).</t>
  </si>
  <si>
    <t>Focus on the cities</t>
  </si>
  <si>
    <t>Cities are at the heart of productivity but policy makers are often actively or passively attempting to make them less productive. All endeavours should be made to reverse this trend.</t>
  </si>
  <si>
    <t>Policy makers should invest in intracity and intercity connectivity, primarily through the rail network (e.g. Sydney Metro, Metro Tunnel), remove zoning restrictions (e.g. make a 3-4 story apartment building the default in residentially zoned land), and remove other perverse restrictions on building new housing and make the most productive use of land (e.g. minimum car parking requirements). A major source of productivity is new ideas developed through connectivity. Cities are where this happens and taking these modest steps will drive our cities to be as productive as they can be and support the growing population.</t>
  </si>
  <si>
    <t>Getting professional women back into the workforce</t>
  </si>
  <si>
    <t>Make the conditions around the hiring of au pairs/ domestic helpers easier to allow females who are in the prime of their careers the opportunity to  focus on their careers / stay in the workforce.</t>
  </si>
  <si>
    <t>My wife and I worked in different parts of Asia for 10+ years and were impressed by the more equal gender balance in our respect fields of finance and IT.  Particularly amongst the senior leadership ranks. On returning to Australia, however, it is impossible for my wife or I to have the same level of dedication to our careers given the demands of two older children. Support exists for young mothers, but not those in the prime of their careers when their children are a bit older. The infrastructure just doesn’t exist to support these parents, mostly mothers.  From first hand experience it is definitely a drain on productivity.  
As an alternative, the Commission should consider making it easier to employ live in or live out au pairs / domestic helpers at an affordable cost.  Visas for such workers could be limited to 2-3 years, however, that should be sufficient.  Presently cost is an issue as is the fact that au pairs cannot stay with one family for more than a relatively short period of time. This turnover is disruptive for the family.  
There will be concerns about exploitation but to the contrary Australia would be offering these workers (mostly women) an alternative to other countries where they might be exploited (but they have few options).  They would receive better pay and employment rights in Australia which would only raise the competition for their services globally.  At the same time, Australia gets a productivity boost from its talented pool of females who can devote more time to their careers. Win-win.</t>
  </si>
  <si>
    <t>A simple increase to state MP productivity</t>
  </si>
  <si>
    <t>Having seen intimately the inner workings of state MP offices, and their usual inability to create long term policy due to resource constraints, I recommend the following:
The productivity commission creates a survey for all state MP's that, as accurately as possible, assesses their general ideology and policy priorities. Based on this data, which must be kept private, the commission would send the best fit productivity enhancing policies to the MPs. Individual MPs, with thought out ideas, can be powerful forces in the party room, but they need assistance in doing the hard work to get an idea afloat. This would achieve that.</t>
  </si>
  <si>
    <t>The key benefit would be MPs with policies tailored to their personal preferences that enhance productivity for Australia. We have seen time and time again governments, not to mention opposition backbenchers, flounder with strategic planning and policy making. The mistake would be to blame the individual or party every time. I can say with confidence that staying afloat is, for the majority of MPs, the name of the game. 
This is not an expensive solution. It requires the creation of a survey and concise point policy briefs. From there, the MP can adjust to their liking and champion it as their own.</t>
  </si>
  <si>
    <t>Hospital-Universities as an export market</t>
  </si>
  <si>
    <t>Hospitals designed as education centres to educate and qualify large numbers of international students.</t>
  </si>
  <si>
    <t>My friend spent a million dollars over five years to earn a medical degree in Australia, and go back to her home country. 
Why can't we allow streams of students (on a specialised visa) to come to Australia, learn from our world-class physicians, and take their education back to their home country? They could also spend one million dollars. 
We could design, build and staff hospitals in a manner to train new health workers by volume.
Currently Australia employs health workers and doctors from abroad. It would be great to re-balance this, to make Australia a net exporter of healthcare workers through the accessible provision of medical qualifications, rather than to take health workers from places that need it most.</t>
  </si>
  <si>
    <t>Water Scarcity</t>
  </si>
  <si>
    <t>Pipe the water down from the North to Irrigate the southern states where the labour is and become the food bowl of Asia.</t>
  </si>
  <si>
    <t>Eliminate water scarcity in the south of the country and use it to farm crops, food, steel etc . Use solar power from the interior to run the pumps  as needed.</t>
  </si>
  <si>
    <t>Nuclear, coal and gas energy</t>
  </si>
  <si>
    <t>Increase use of Nuclear, gas and even coal power and override state government approvals to just go ahead and build them.
We should have the cheapest power on the planet.by far.
China have thousands of coal fired power stations so one or two more here won’t make a difference until we get Nuclear and Solar etc online to take up the slack.</t>
  </si>
  <si>
    <t>We have the largest uranium, gas and coal deposits in the world and yet we have the most expensive power. As a result we don’t manufacture locally. We need to and can do this quickly. We should be manufacturing steel, aluminium not sending it on a ship that burns oil to China, who uses coal fired power to then import it back again. This would then allow manufacturing to commence locally reducing supply chain lead times, reducing pollution and increasing employment, speed of manufacturing especially for housing etc</t>
  </si>
  <si>
    <t>Reduce Leave and social benefits paid for by business</t>
  </si>
  <si>
    <t>1. No accumulated sick leave. 5 not 10 days per year.
2. Abolish long service leave.
3. Builder RDOs abolished.
4. No more contractor to perm rules.
5. Abolish redundancy payments.
6. Abolish 9 months paid parental leave.
7. Increase annual leave to 5 weeks with the 5th week dependent on sick leave taken during the year. Ie no sick leave you get an extra weeks leave.
8. Reduce inflation based minimum awards to market based income tested. 
9. Make it easier for aligned countries to migrate where construction, medical and other highly skilled individuals are needed here.
10. Reduce public holidays to. Maximum of 5 days (Xmas, Boxing Day, New Year, Australia Day, Anzac Day)</t>
  </si>
  <si>
    <t>We simply take too many holidays in this country and have too many employment benefits paid for by business making it an expensive place to do business, making whole months (Dec/ Jan, April) a write off and making us less productive when compared to our peers who do have these expensive policies, payments and benefits.</t>
  </si>
  <si>
    <t>Dramatically Reform Zoning and Land Use Regulations to reduce complexity</t>
  </si>
  <si>
    <t>Reforming outdated and overly restrictive zoning and land use regulations presents a radical yet powerful opportunity to unlock significant productivity gains across Australia. By moving away from rigid, single-use zoning towards more flexible and mixed-use approaches, cities can optimize land use, leading to a cascade of positive economic effects. Allowing for increased density, particularly in high-demand areas, will boost housing supply and improve affordability, enabling workers to live closer to their jobs and reducing productivity lost to long commutes. This also frees up household income for other productive uses. Moreover, streamlining the development approval process will reduce delays and costs associated with new construction, further stimulating investment.
Beyond housing, zoning reform can be a catalyst for innovation and entrepreneurship. Allowing small businesses and startups to operate in a wider range of locations, including residential areas through mixed-use zoning, lowers barriers to entry and fosters a more dynamic and competitive economy. The clustering effect of businesses in closer proximity, known as agglomeration, also boosts productivity through knowledge spillovers, access to specialized labor, and shared resources. By embracing these changes, Australia can create more vibrant, livable, and economically efficient cities and regions, ultimately driving substantial improvements in national productivity and prosperity.</t>
  </si>
  <si>
    <t>Reforming zoning and land use regulations is a radical idea that can significantly boost productivity by unlocking economic potential stifled by overly restrictive rules. Here's how:
1. Increased Housing Supply and Affordability:
Restrictive zoning, particularly in high-demand urban areas, artificially limits housing supply. By allowing for denser development (e.g., townhouses, apartments) and mixed-use zoning (combining residential and commercial), more housing units can be built. Increased supply puts downward pressure on prices, making housing more affordable. This improves labour mobility, as workers can afford to live closer to job opportunities, reducing commute times and increasing productive hours.
2. Efficient Land Use and Reduced Infrastructure Costs:
Allowing for greater density optimizes land use, particularly in urban centers. Concentrating populations reduces the need for sprawling infrastructure networks (roads, utilities), saving on construction and maintenance costs. This frees up public funds for other productive investments.
3. Fostering Innovation and Entrepreneurship:
Mixed-use zoning, which permits businesses to operate in residential areas, can foster a more vibrant entrepreneurial ecosystem. It allows for small businesses, startups, and creative industries to flourish in close proximity to their customer base. This reduces startup costs, encourages experimentation, and creates more diverse and dynamic local economies. Proximity to home also reduces the burden of childcare on many entrepreneurs.
4. Enhanced Productivity Through Agglomeration Effects:
Denser, mixed-use areas create "agglomeration economies." Businesses benefit from being close to each other through knowledge spillovers, access to a larger and more specialized labor pool, and shared resources. This clustering effect boosts innovation, efficiency, and overall productivity.
5. Reduced Commute Times and Improved Well-being:
Allowing people to live closer to where they work and access amenities reduces commute times. This not only saves individuals time and money but also improves their well-being, leading to a more productive workforce. Reduced traffic congestion also benefits businesses through faster transportation of goods and services.</t>
  </si>
  <si>
    <t>Encourage the use of AI broadly across the country through tax incentives</t>
  </si>
  <si>
    <t>Set up tax incentives to encourage the use of and adoption of AI by companies, businesses, education and government by offering tax deductions for AI subscriptions, tax incentives for AI educational courses, and tax deductable severance payments where staff have been made redundant by AI.</t>
  </si>
  <si>
    <t>These tax incentives for AI adoption in Australia could significantly boost productivity. Here's how:
1. Tax Deductions for AI Subscriptions:
Increased Adoption: Lowering the cost of AI tools encourages businesses of all sizes to integrate AI into their operations.
Streamlined Operations: AI automates tasks, optimizes workflows, and improves decision-making, leading to greater efficiency.
Innovation: AI helps develop new products and services, identify new markets, and create more efficient production processes.
Competitiveness: AI enables businesses to offer better products and services at potentially lower costs, improving both domestic and international competitiveness.
Data-Driven Insights: AI analyzes large datasets, providing valuable insights for strategic planning and resource allocation.
2. Tax Incentives for AI Educational Courses:
Skilled Workforce: Incentivizes upskilling and reskilling, creating a workforce capable of effectively utilizing AI.
Addressing Skills Gap: Helps bridge the shortage of AI professionals in Australia.
Enhanced Implementation: A skilled workforce can better identify opportunities for AI integration and manage AI systems, maximizing productivity gains.
Long-Term Growth: Investing in AI education lays the foundation for Australia to become an AI leader, fostering long-term economic growth.
Increased employee adaptability: Employees can gain skills for higher-value roles.
3. Tax-Deductible Severance Payments (for AI-related redundancies):
Facilitates Transition: Helps mitigate the impact of job displacement, smoothing the transition for workers and reducing resistance to AI adoption.
Responsible AI Deployment: Encourages businesses to adopt AI responsibly, knowing displaced workers will be supported.
Reduces Social Costs: Adequate severance packages can prevent long-term unemployment and social welfare dependency.
Maintains Consumer Confidence: Addressing job loss concerns helps maintain public support for AI.
May encourage businesses to consider AI solutions: Could make businesses more likely to adopt AI, as the tax deductions will reduce the cost of redundancies.</t>
  </si>
  <si>
    <t>Standardise execution of legal documents</t>
  </si>
  <si>
    <t>All legal documents should be able to be executed electronically without the need for witnessing. The current inconsistency in requirements between states is very inefficient and costs companies thousands in legal fees.</t>
  </si>
  <si>
    <t>Save companies money in legal fees and create more certainty in enforceability of legal contracts. Streamline the signing process to boost corporate transactions and economic activity.</t>
  </si>
  <si>
    <t>Remove the 'sophisticated investor test' for investing in Australian based Startups</t>
  </si>
  <si>
    <t>Removing the "sophisticated investor" test for investing in Australian startups would unlock a significant productivity boost for the nation. By allowing a broader range of investors to participate, including those with industry expertise but who don't meet the wealth threshold, startups would gain access to a larger pool of capital and valuable networks. This increased capital inflow would fuel innovation and expansion, leading to the creation of more high-skilled jobs and fostering competition in emerging industries. Furthermore, a wider investor base brings diverse perspectives and experience, leading to better strategic decisions and ultimately driving faster growth for these young, dynamic companies. This democratization of investment would stimulate a more vibrant and productive startup ecosystem, benefiting the Australian economy as a whole.</t>
  </si>
  <si>
    <t>For Startups:
Increased Access to Capital: More investors means a larger pool of available funding.
Diversified Investor Base: Access to investors with varied expertise and networks, not just those who are wealthy.
Faster Growth and Scaling: More capital enables quicker expansion and market penetration.
Better Strategic Decision-Making: Diverse investor input can lead to improved strategies and guidance.
Increased Innovation: More funding for research and development fuels innovation.
Stronger Mentorship and Support: Greater access to experienced investors who can offer guidance.
For the Australian Economy:
Job Creation: Growing startups hire more people, particularly in high-skilled roles.
Increased Productivity: Innovation and competition driven by startups enhance overall productivity.
Economic Growth: A vibrant startup ecosystem contributes significantly to economic growth.
Enhanced Global Competitiveness: Fostering innovative companies makes Australia more competitive internationally.
Greater Tax Revenue: Successful startups generate more tax revenue for the government.
Development of New Industries: Startups often pioneer new industries and technologies, diversifying the economy.
For Investors:
Greater Investment Opportunities: More options for investing in potentially high-growth companies.
Potential for Higher Returns: Early-stage investments, while riskier, can yield significant returns.
Opportunity to Support Innovation: Ability to directly contribute to the growth of innovative companies.
Diversification of Investment Portfolio: Access to a new asset class for portfolio diversification.</t>
  </si>
  <si>
    <t>Pathways for Men to Step out of the Workforce and into Family</t>
  </si>
  <si>
    <t>So much about productivity has been about getting women back into the workforce. But what gap does this leave in the home? And how can career opportunities become vacant for women to fill if men don't get good opportunity to step out? Men do not get as many options (both real, and perceived) to be parents as well as workers - less parental leave, "Mum shifts" in school hours favouring women, toxic masculine ideals etc., which sees less men being primary carers, and also blocks women from engaging in work as much as they may wish to, as someone needs to fill the void in the home duties (thus most often this falls to the woman as the man keeps working). Sometimes it is the female who has the more higher-sought qualifications, or payrate, but barriers for men to step back blocks women from stepping in. Giving men a way to be more involved in the household whilst still making a (reduced) contribution to the workforce will lift overall productivity, reduce stress on families, improve community outcomes and balance the skills contribution to our economy.</t>
  </si>
  <si>
    <t>It is still rare in our society for men to be primary caregivers - so many stories of demeaning names given to men wanted to be more hands-on dads and put careers on hold, something that is expected of mums as the norm, and obscured pathways for them to do it.
Many women want to get back into the workforce, and in many cases have skills or qualifications or pay rates that outstrip their male partners, but the only way they can do it is to put kids in daycare, as it is so hard for Dad to step back from work. This impacts families - we're seeing declining school readiness, financial stress from daycare fees, household stress from no-one being at home, kids and parents not spending much time together etc.
In Australia, men do not get paternity leave comparable to that of the woman. In some countries eg Nordic countries, couples can choose how to split their leave across both parents. There is a toxic masculine culture in many workplaces that see men who want to drop to part-time to share child raising responsibilities being belittled, or missing promotions, or not being given opportunities (as women are familiar with). 
Activities during the day for tiny-tots are Mum focussed - many mothers groups, or Mums &amp; Bubs yoga or swimming, but very little for men. They're still being told silently to "stay away and go to work".
Happy workers are productive workers, stressed parents are not. If it were just as easy for a man to take a years maternity leave and have their job held, or job-share, or just work school hours, or drop to part time, then families would have more choice about work arrangements - more Mums could get back in, knowing that Dad will be there for the kids. And Dads frequently say they want to be more involved and not "miss out" on their kids as they're at work all day. We could see more families with the income earner split 50/50, as both parents can engage part-time in the workforce, bringing both their unique skills to our economy, and both sharing household duties better.
We've spent a lot of time trying to get more pathways for women to get back IN to the workforce after having children, but have done very little to help create common and accepted pathways for men to get OUT. It's left voids in homes, and tired, stressed families. Making sure both the responsibilities of work and homelife can be shared equally by both parents will have enormous benefits for our society, and the productivity of our workplaces.</t>
  </si>
  <si>
    <t>Switch negative gearing to primary residences and remove from investment properties</t>
  </si>
  <si>
    <t>Affordable housing for all could be achieved if negative gearing was only offered on a primary residence. Other investment properties would not be able to claim this benefit anymore. This would provide economic security to more and younger Australians, allowing them the economic freedom to take risks in establishing new businesses, new products or simply have the choice to have a family.
The Productivity Commission should undertake modeling to determine the cost-benefit of doing so, using international examples where this is already the case. It should also model various strategies for gradual removal of negative gearing. Implications for house prices should be considered</t>
  </si>
  <si>
    <t>Picking and sticking with technology winners.</t>
  </si>
  <si>
    <t>Australia has historically had difficulty in commercialising research. The issue appears to be an unwillingness to pick and stick with a promising technology. Instead we tend to “let a thousand flowers bloom” and hence never establish a critical mass to leverage the significant investment made in research.</t>
  </si>
  <si>
    <t>For example last year the Australian and Queensland governments funded a company $1 billion to develop and deliver a quantum computer to Australia. It uses one of five to seven distinct approaches to develop the fundamental building block the qbit. It would appear to have picked a winner. But in competition to this government has also funded other qbit technologies which are fundamentally different to this one and would not be compatible. If the government believes this is promising technology, why would it continually invest in other technologies as well. Given there is significant global competition in QC research it would be better to focus on what the govt believes is the best technology, ie pick a winner and stick with it through the course. Picking a winner increases the likelihood Australia will harness that technology for increased economic benefit.</t>
  </si>
  <si>
    <t>The prosperity vs security productivity trade off</t>
  </si>
  <si>
    <t>There are a number of calls to increase defence expenditure as a percentage of GDP.</t>
  </si>
  <si>
    <t>Spending on defence is like spending on insurance -it only matters when you need it, and as a result money and workforce are diverted from more economically productive sectors.  There is a lack of analysis regarding the balance between economic prosperity and national security. If this balance is wrong the potential opportunities for economic development will be lost. Defence expenditure should not be viewed in isolation from the rest of the economy spending. PC should perform this analysis to test the assumption to increase defence expenditure within a whole of national economy context.</t>
  </si>
  <si>
    <t>Housing affordability</t>
  </si>
  <si>
    <t>Housing affordability comes down to the components in the value chain starting with the factors that affect the cost of land through to the cost of finalising a dwelling on that land. Each of the components needs to be considered for opportunities in terms of productivity and value adding. A detailed analysis should be undertaken whereby practices in select countries are compared with those undertaken in Australia. Questions that should be asked should include: a) Why are we doing it this way? b) Are there any fundamental differences or criteria that apply in Australia and not elsewhere? c) Are there opportunities for the industry to adopt improved practices? d) Why should government at any level profit from the sale of land?</t>
  </si>
  <si>
    <t>Australia has an abundance of land. The process of making land available for housing development should be evaluated since supply of land is a factor that affects its cost. Land developers undertake numerous projects to provide the necessary infrastructure for the land to be made suitable for housing development. This process carries significant risk and therefore warrants high profit margins. Opportunities for risk mitigation should be evaluated. The housing construction methods in Australia are decades behind many developed countries. Double brick and tiles is unsuited to our climate. Lending institutions are partly to blame here. The building industry is geared around subcontracting whereas in many developed countries builders employ their own tradesmen. This obviously may have wide implications in the industry. Standard building contracts give buyers very little protection. The commission should look at the benefit of builders providing unconditional bank guarantees to complete work and to indemnify buyers. This would change the look of the industry and attract larger corporations to enter the industry. Provisions should be made in regulations for non-profit organisations along the lines of HSB (a Swedish group) to develop medium and high density dwellings. Their model allows them to finance their developments through banks and institutions on long term secured loans. They offer dwellings (mostly apartments) whereby an occupant pays a rental which also buys equity in the dwelling.</t>
  </si>
  <si>
    <t>Expanding self employment opportunity</t>
  </si>
  <si>
    <t>To stimulate increased self employment among cohorts underrepresented in the workforce the LaunchMe program could be expanded nationally. https://goodshep.org.au/launchme/, and establish a national micro-enterprise facilitator in the Department of Employment</t>
  </si>
  <si>
    <t>Anti-trust and competition</t>
  </si>
  <si>
    <t>Anti-trust works bro
Way too much money controlled by 'big two/three/four/six'
Accounting firms
Banks
Supermarkets 
Energy
Hardware stores - basically a monopoly
Telcos</t>
  </si>
  <si>
    <t>Bro we need to break up all these companies which dominate single sectors and have genuine competition bro
Like bro none of these companies will invest in productivity or RnD bro they know they don't have to compete to keep raking in profits bro
Break em up bro and watch the productivity boom like me on the dunny bro
That's huge bro</t>
  </si>
  <si>
    <t>4 day work week</t>
  </si>
  <si>
    <t>4 day work week bro
Studies prove it works bro
Easiest job in the world bro</t>
  </si>
  <si>
    <t>Prisons To Develop Soft Plastic Recycling  Units</t>
  </si>
  <si>
    <t>Here in WA we are sending soft plastics to landfill because there is no other choice! I propose the Prisons could:-
a) Train inmates to work in a prison established Soft plastics recycling unit.
b) The federal Govt provide funding to encourage private investment in this endeavour.
c) The inmates would have a worthwhile job and provide funds for their keep inside and in the future.
d) The ACCC could ensure corporate supermarkets support this idea to stop filling our landfill areas with soft plastics as they are at the moment.</t>
  </si>
  <si>
    <t>If WA started this, other states may follow-It could become global. Our children would be educated as to the benefits of more recycling methods. We have to resolve this landfill problem but local govt have no answer.</t>
  </si>
  <si>
    <t>Employment reform to standardise 4-day and 3-day work weeks at full salary</t>
  </si>
  <si>
    <t>The 4-day work week (30-32 hours) at full pay is well documented to benefit employees and employers, with clear proof of improved productivity, workplace satisfaction, employee retention, lower overheads, better gender equality, lowered traffic congestion and lower carbon costs of working and commuting. Legislative and policy reform would be relatively simple to implement with immediate benefit. A 3-day work week is emerging as a practice to improve workplace gender equality, further decrease operational overheads and reduce carbon emissions - and works especially well as we operate in an era of digitisation and automation.</t>
  </si>
  <si>
    <t>A 4-day work week (30-32 hours at full salary) has been substantiated by good evidence to improve workplace productivity, reduce absenteeism, improve employee wellbeing and enhance job satisfaction. Flow on effects have profound impacts on societal productivity; reduced employee turnover with nett savings to employers, lower operational overheads, lower carbon costs of operations, less traffic on roads and decreased pressures on infrastructure, lowered traffic-related carbon emissions, lowered costs of living. Long term impacts such as improved mental health and decreased health system pressures have also been suggested. Yet, employers seem reluctant to implement these changes despite clear benefits to organisations, society and the environment. At a minimum, employment legislative reform should standardise the 4-day (30-32 hour) work week at full salary and benefits in order to immediately achieve these improved productivity benefits. Public sector employers and government agencies could lead implementation. Concomitant legislative reform could also open pathways for a 3-day work week at full pay, especially as aspects of many jobs become increasingly automated. 3-day work weeks are being trialled by some employers as a hybrid approach, with particular benefits to gender equality, further lowered carbon costs, enhanced employee satisfaction, lowered operational costs and further reduced carbon costs. A profound benefit of the 3-day workweek is the increased participation of females in the workforce, decrease of female underemployment, and reduced childcare costs. I am sure as gender equity improves we could expect to see reductions in domestic and family violence and other flow on effects of gender inequality. The 3-day workweek offers further significant benefits to reducing pressures on traffic infrastructure, allowing funding to be spent on other industries such as healthcare. Australia could drastically lower its carbon emissions by around 7.8 million tonnes of greenhouse gases annually (and 6.3 million tonnes of CO2 annually) with a 3-day work week. Hybrid working arrangements currently utilised provide good evidence that 3 "in office" days are enough to provide adequate engagement and productivity. There is a clear, immediate and positive cost-benefit in Australia carrying out policy reform to standardise 4-day and 3-day work weeks at full pay.</t>
  </si>
  <si>
    <t>Improving productivity measurement in care services to reflect quality and societal outcomes</t>
  </si>
  <si>
    <t>Care services create significant social value, but this is not reflected in the national accounts. Because much of the sector consists of “non-market” services, the whole sector is excluded from productivity measures. This creates an inaccurate perception of low contribution to productivity – and low potential for future improvements – discouraging resource allocation and innovation. The way we measure productivity should better reflect changes in the value created by this sector.</t>
  </si>
  <si>
    <t>Improving productivity in care services requires a fundamental shift in how we measure their value. Current productivity metrics fail to capture the transformative improvements in how human services are delivered – which represents real and lasting benefits to society. Integrating quality adjustments and outcome-based frameworks into productivity assessments can enable a more accurate understanding of these sectors’ contributions to society.
Much of the care sector is “non-market”, meaning its services are not traded based on price. In these cases, the output of the sector is recorded in the national accounts as simply the sum of its inputs (e.g., wages and costs). This fails to reflect any quality improvements or efficiencies over time. Indeed, if these non-market sectors become more productive and efficient – and therefore they require less inputs to provide the same quality and volume of services – they will show up in the national accounts as producing less value for society. 
For the portion of the sector that is classified as a “market” service, the standard measures of output (price-times-volume) is still insufficient to reflect the value provided to society. For instance, there is significant evidence that the early childhood (ECEC) sector does not operate like a standard market. Not-for-profit providers are generally more affordable than for-profit providers but achieve higher average quality ratings under the National Quality Standard, suggesting an inverse relationship between price and quality.
While Australia does report some outcomes in some places – such as through the Report on Government Services (ROGs), which measures indicators like service access and some quality outcomes – these do not seem to be systemically or fully incorporated into how policymakers measure or think about productivity. But as the care sector grows as a share of the economy, it will have a larger and larger impact on whole-of-economy productivity.
The ABS recognised a need to enhance measures of non-market output in economic statistics in 2019. Four options were explored to better measure the value of these services. The ABS pursued the fourth option, using implicit adjustments via stratified cost weights. This was intended to capture quality improvements indirectly, for instance where a changed process meant less resources were required for a surgery. This is still a work in progress, but even if implemented fully, it can only capture producer-side efficiencies (e.g., reduced costs) and will miss societal value or consumer-side outcomes (e.g., improved child development). For sectors like ECEC, where quality improvements have immense societal value, this gap is particularly significant.
It is worth exploring alternative options to better capture the value of services, particularly creating quality-based price indices and outcome based frameworks. The question that productivity statistics should answer is: how much does it cost to achieve a social outcome (such as health outcomes, child education, and improved well-being), and is this improving over time?
Research from organisations such as the Australian Education Research Organisation (AERO) provide alternate ways to measure the link between quality and outcomes. A recent AERO study matched a sample of children’s participation in ECEC services with the National Quality Standard ranking of the service they attended. This was then measured against five domains in the Australian Early Development Census which established a correlation between higher quality services and improved developmental outcomes. Linking quality with developmental outcomes is one way that the societal value of care and support services could be better captured. 
By exploring alternative methodologies, Australia could develop more comprehensive productivity measures that incentivise innovation, recognise societal contributions and drive investment in vital care services. This shift would not only improve the accuracy of productivity assessments but also align them with broader societal goals.</t>
  </si>
  <si>
    <t>Provide a government response to the Productivity Commission's 5-year Productivity Review and implement the most relevant ideas from the 29 policy directives and 71 recommendations.</t>
  </si>
  <si>
    <t>Stop kicking the can down the road by undertaking another productivity review when the government it hasn't responded to the 5-year Productivity Review released in 2023. The government should provide a response and adopt relevant recommendations NOW and stop wasting time!</t>
  </si>
  <si>
    <t>The 5-Year Productivity Review involved a detailed analysis of Australia’s productivity performance, identified the barriers to productivity growth and provided a wide range of ideas on what is needed to achieve stronger productivity over the next four decades. This comprehensive 9 volume report of over 1,000 pages with 29 policy directives and 71 recommendations, covering the 5 policy priority areas that have been identified for the current review, has been largely ignored by the government. Why is the government asking the Productivity Commission to undertake another review, when it hasn't responded to the 5-year Productivity Review? We don't need another review. Reforms to lift productivity are desperately needed NOW - not in 12 months when this review will report.</t>
  </si>
  <si>
    <t>Develop and embed continuous learning mechanisms in social service delivery</t>
  </si>
  <si>
    <t>Evaluation and performance management in the social services often involves meeting rigid performance indicators rather than improving service quality or outcomes. Effective real-time learning mechanisms provide responsive feedback on the impact of new policies and practices, identify unintended consequences, share knowledge, and grow capability. Developing and embedding continuous learning mechanisms will improve productivity by more quickly creating high quality, fit for purpose services.</t>
  </si>
  <si>
    <t>Evaluation in social services involves burdensome reporting requirements rather than a focus on quality improvement. They tend to be one-off, report the quantity of services rather than their quality or client outcomes, and lack sufficient community input. If learnings are derived from these evaluations, they tend not to be shared across the system and mistakes are rarely discussed openly, even when they offer learning opportunities. These issues are underpinned by disconnected and short-term funding, punitive performance management approaches, a competitive funding environment, and the inherent difficulty in measuring many social service outcomes.
All actors in the social services/care system can work together to develop and implement long-term learning and evaluation mechanisms at the service delivery, organisational, and system level that are tailored to the social services. This includes how evaluations are designed; data is collected, shared and analysed; findings are derived and communicated; and improvements in practice are implemented. This new learning approach should include impact and developmental evaluation tools that centre the voices of the community and frontline workers. These tools should be embedded in everyday ways of working, with their findings distributed directly to all staff. Regular, collective learning spaces and better data linkage are essential to distributing learnings across the system. 
Developing and embedding continuous learning mechanisms opens the door for many productivity gains:
These learning mechanisms are likely to improve service quality across the system, resulting in better outcomes from the same resources.
Regular, long-term evaluations that include the community and frontline workers are more likely to ensure that services quickly adapt to changes over time and across contexts. This ensures that services and the resources are as fit-for-purpose as possible. They also allow for more longitudinal data collection which can provide better insight into outcomes and service quality.
Ensuring a tight feedback loop between evaluations and practice, alongside directly including the community and frontline workers, means that service improvements or adaptations can be implemented faster.
Data-sharing and embedding evaluation into everyday ways of working can ease some of the administrative burden of evaluation for providers, allowing them to spend more time and resources delivering or improving services.
Learning from what others have done avoids duplication, shares innovation, enables adaptation, and avoids repeating costly mistakes.
Several initiatives in community services currently employ iterative evaluation mechanisms that include community members and directly inform practice, including Mission Australia’s Communities of Focus, Our Town, and Logan Together. Clear Horizon’s Place-based Evaluation Framework, developed for Logan Together, provides a good guide for conducting evaluations that promote ongoing, effective learning. 
Creating care and support systems that centre learning will require an uplift in staff capability and funding. Many of these learning mechanisms will also need to be underpinned with mindsets and organisational cultures that support growth rather than punishing “mistakes”. The latter only disincentivises innovation and continuous service improvement.</t>
  </si>
  <si>
    <t>Implement and enable new commissioning models in the care sector with a focus on collaborative commissioning</t>
  </si>
  <si>
    <t>Australia needs new social service commissioning models that integrate service offerings and respond to the needs and circumstances of communities. Recent decades have provided several examples where competitive service delivery commissioning has had little impact on (and in some cases worsened) productivity and quality. New models of commissioning – such as collaborative commissioning – can help align the interests of policymakers, providers, and most importantly: people.</t>
  </si>
  <si>
    <t>Existing commissioning models generally involve multiple providers competing for funds from a single funder or multiple funders separately funding similar services. In several cases, this has harmed productivity by creating service duplication, separately funded service silos, and fragmented and patchy service systems. These issues have been recognised in recent royal commissions into veterans affairs, aged care, and early childhood education and care, as well as recent Productivity Commission inquiries into Closing the Gap, expenditure on children in the Northern Territory, and early childhood education and care. These issues can impair productivity in several ways: 
Duplication reduces productivity by splitting limited resources between multiple providers attempting to address the same issue, rather than distributing resources in a coordinated and flexible way to areas of highest impact. 
Separately funded service silos ignore that people’s needs are multifaceted, requiring multiple service system offerings. They prevent resources from being spent flexibly to address emerging needs or being pooled to develop more comprehensive responses to high priority issues. Siloing also creates administrative burden for service providers by enforcing multiple, separate reporting requirements despite them providing similar services to similar clients. If this burden was reduced, providers could allocate more time and resources to delivering or improving services. 
System fragmentation makes joined up service delivery very difficult, meaning services can only address one problem at a time rather than the interrelations or root causes of multiple issues.
To address these issues and improve productivity, governments can trial, evaluate and scale new approaches to commissioning service delivery. There is a wide spectrum of options: from direct government delivery to competitive markets for voucher-based funding, from activity-based funding (rebased each year to an efficient price) to outcome-contingent contracting. One extension of current models would be to engage in collaborative commissioning or co-commissioning with existing suppliers and stakeholders.
Co-commissioning involves different levels of government, philanthropy or other funders jointly commissioning services in collaboration with communities and providers. It is particularly ideal where multiple parties are involved in commissioning similar or otherwise related services to a similar cohort. Actors involved in co-commissioning might make decisions directly or be consulted. Ideally, collaborators work together across the commissioning cycle, including needs assessment, service design, procurement, funding, performance management, evaluation, and other functions. One way to implement co-commissioning is to form a body at a regional level made up of representatives from key actors that then commissions care services according to its purpose and the needs of the population they are targeting.
There is currently solid research into the benefits of collaborative commissioning and several initiatives in the design or implementation stage within the care and support sector. AbSec’s approach to Aboriginal-led commissioning offers a case study for the benefits of co-commissioning that centres the community receiving the commissioned services. The Commonwealth has also commenced its Integrated Care and Commissioning Initiative, which is jointly led by several care departments and focuses on integrating services in rural and remote communities. Another example can be seen in the six partnerships created as part of NSW Health’s co-commissioning reforms. These are already demonstrating promising results around coordinating and integrating services. For example, North Sydney’s Patient-Centred Co-Commissioning Group has designed care pathways for residents aged over 75 that aim to reduce emergency department presentations. This includes new assessment tools for general practitioners (GPs) and funding for practice nurses dedicated to early detection; better linkage between GPs, geriatricians, community services, and Hospital in the Home services; and an expansion of Geriatric Rapid Response teams. If successful, reductions in emergency department visits and improved health outcomes from early intervention will be valuable productivity gains.</t>
  </si>
  <si>
    <t>Protect and regenerate Australia's natural environment to secure long-term economic growth, fight climate change and drive regional development</t>
  </si>
  <si>
    <t>As a primary producing nation Australia is reliant on our natural environment and the resources it contains for our economic prosperity. Our natural environment also underpins our tourism industry as a key draw card, and management of our conservation estate by Traditional Owners and Aboriginal Australians presents many opportunities to provide meaningful employment and meet a number of Australia's close the gap targets.  So called 'green jobs' are highly valued by younger generations as an opportunity for meaningful employment with a social and sustainability conscious.</t>
  </si>
  <si>
    <t>We chronically under invest in nature both protection of what's left and restoration of degraded lands and waters and ongoing management of protected areas which provide a number of ecosystem services to our economy and we haven't yet made our economy circular. By significantly investing in nature, and having clear approvals pathways for proponents of projects which impact nature we can drive economic growth both now and ensure we have the natural capital to sustain our economy going forward. Nature is also the only technology we have available to remove carbon from the atmosphere, it should be prioritized above other technologies that are unproven technically and a long way off being feasibility if at all.</t>
  </si>
  <si>
    <t>Abolish the Productivity Commission</t>
  </si>
  <si>
    <t>Australia can become a more productive and prosperous place by creating a dynamic and resilient economy, investing in our skilled workforce and becoming a world leader in renewable energy. But this will require abolishing the Productivity Commission and replacing it with a National Manufacturing Competitiveness Council that would be tasked with providing advice to government on how Australia can turn its wealth of resources into high value-added industries with thousands of highly skilled and well-paid jobs.</t>
  </si>
  <si>
    <t>Australia can become a more productive and prosperous place by creating a dynamic and resilient economy, investing in our skilled workforce and becoming a world leader in renewable energy. But this will require abolishing the Productivity Commission and replacing it with a National Manufacturing Competitiveness Council that would be tasked with providing advice to government on how Australia can turn its wealth of resources into high value-added industries with thousands of highly skilled and well-paid jobs.
Rather than utilise its resources to coordinate Australia’s value-adding opportunities in advanced industries across manufacturing sectors, the Productivity Commission comfortably maintains its intransigence towards active industrial policy. This means it consistently posits that the market is best placed to manage the allocation of Australia’s economic resources.  The result is continued favouritism to a dig-and-ship economic model that gives away our valuable resources to other nations, which they sell back to us in the form of elaborately transformed products.
The stage between ripping out and shipping off is where the Australian Government can and should be focusing its attention. This occurs in place of governments pursuing major value-adding industrial opportunities in manufacturing sectors that are emerging as critical to the 21st century economy and creating thousands of jobs in renewable energy, clean steel and heavy engineering and supporting our education sector, particularly the TAFE sector, in skilling the workforce for these new industries.
As a result of the Productivity Commission’s vocal support for Australia taking the low road, Harvard University’s ranking of ‘economic complexity’, which measures the knowledge intensity of a nation’s economy, places the nation at 102nd in the world, far behind all other developed, industrialised nations and so risking the living standards of future generations of Australians – this is because what a country makes is what it knows. Australia risks knowing very little with the Productivity Commission continuing to influence policy. Our global economic position is an indictment of the Productivity Commission’s role in a model of economic policymaking that is not fit for the 21st century global economy. It highlights the Commission’s recalcitrance, exhibited in decades of unwavering, uncritical support for the resources sector which dominates the Australian economy and subsequently leaves it exposed to global commodity price volatility. In this way it also neglects the manufacturing sector despite manufacturing’s primary role in growing productivity and wages across all sectors of the economy.
In place of the Productivity Commission, the National Manufacturing Competitiveness Council would be tasked with:
•	Providing general, strategic advice to the varying government agencies and special investment vehicles on coordinated industry policy, promising subsectors for investment, and potential barriers.
•	Overseeing the sectoral assessment process. Presently, the sectoral assessment process is held entirely within the Treasury portfolio to which the Productivity Commission belongs. This presents a risk to the stated aims of the Future Made in Australia Act, as Treasury has been historically antagonistic to coordinated industrial policy. Regardless of enunciated government policy, the default position of many Treasury policymakers remains a lazy version of comparative advantage.
•	Providing expert industry, skills, research and policy advice on strategic directions for value-added industry development, harnessing Australia’s resource comparative advantages to grow exports of knowledge-intensive manufactured products that elicit competitive advantages in global markets.
•	Providing an alternative source of industrial policy advice to government.
Australia needs a National Manufacturing Competitiveness Council, and it needs to move quickly. As the Prime Minister has said, Australia is in a global race to crowd in investment and build industrial capabilities. Without a coordinating NMCC to oversee Australia’s reindustrialisation and provide an alternative to the economic negligence of the Productivity Commission, we risk falling behind.</t>
  </si>
  <si>
    <t>Navigators to better support NDIS participants and drive more efficient outcomes in the market</t>
  </si>
  <si>
    <t>The market for disability services that the NDIS has created is beset by concerns over the quality of services, access to support and cost overruns. The patchwork of intermediaries intended to help participants have not fulfilled their potential, with many participants lacking access to the support they need and some navigators having conflicts of interest. The NDIS Review envisioned these intermediaries being replaced by a new 'navigator' role. This offers a way to reshape the market in a way that better aligns providers' incentives with participants' interests. Navigators can also help the almost 2 million people with a disability who are not on the NDIS, and the model also offers potential to boost productivity and improve outcomes in other service sectors where market-based delivery models are not delivering well.</t>
  </si>
  <si>
    <t>A recent Impact Economics and Policy report (https://www.impacteconomics.com.au/impact/nib-navigator) developed four models for rolling out navigators and assessed how these models can improve quality, cost effectiveness and access to services. Models that afford choice and flexibility to participants, and that create strong pressure on service providers to find better ways to meet people's needs, offer the greatest potential. Indicative cost savings to government for the NDIS could be as large as $5.2 billion a year by 2033.</t>
  </si>
  <si>
    <t>More Efficient Ambulance Calls</t>
  </si>
  <si>
    <t>Reduce average handling of emergency calls through information collection via digital ID, categorize information sharing by risk levels and add Medicare Urgent Care Clinic database in Ambulance systems.</t>
  </si>
  <si>
    <t>Quicker call to help patients and paramedics in life saving rescues.</t>
  </si>
  <si>
    <t>Efficient Emergency Calls</t>
  </si>
  <si>
    <t>Enhancing efficiency for ambulance calls through information collection categorising, urgent care centre database and average handling time monitoring.</t>
  </si>
  <si>
    <t>Possible ways to enable quicker ambulance call request for more prompted ambulance service upon unforeseeable traffic conditions.</t>
  </si>
  <si>
    <t>Electrification of industrial heat and Energy Productivity goals</t>
  </si>
  <si>
    <t>According to the Agora Industry Research Study "Direct Electrification of Industrial Process Heat", over 90% of all industrial heat can be electrified. This eliminates the need for both local and imported fossil fuels while significantly reducing input costs. When combined with standards for measuring and optimising energy productivity (e.g., achieving maximum industrial output with minimum energy use), Australia has a unique opportunity to transform its industrial sector.</t>
  </si>
  <si>
    <t>Industrial process heating, which constitutes nearly half of energy use and three-quarters of greenhouse gas (GHG) emissions in industry, predominantly relies on fossil fuels like natural gas and coal. Direct electrification, using technologies such as electric boilers, heat pumps, resistance heating, and induction heating, could significantly reduce Energy use by replacing fossil fuels. Current and emerging electrification technologies could meet 90% of industrial heat demand by 2035, provided adequate policy and infrastructure support are in place.
There are diverse temperature needs across industries, from low-temperature steam for food and paper production to high-temperature heat for steel, chemical, and non-metallic mineral sectors. Technologies like heat pumps are highly efficient for low to medium temperatures, while resistance heating, plasma torches, and electric arc furnaces show promise for high-temperature applications. Challenges remain in integrating these technologies into existing processes, particularly in high-capacity industries like steelmaking and cement production however significant gains in efficiency through direct electrification can be obtained.
Economic barriers depending on the region may including higher electricity costs compared to fossil fuels, as well as organisational hurdles, such as insufficient grid infrastructure and process redesign requirements, pose significant obstacles to large-scale electrification. Addressing these challenges requires targeted policies, such as funding schemes, grid access improvements, and the establishment of industrial alliances to support technology adoption.
The a dual approach—promoting direct electrification and energy productivity targets where feasible and combining it with alternative solutions (possibly Hydrogen) for processes that are difficult to electrify. Transition may need to use hybrid systems within legacy equipment hybrid systems to bridge the transition and enable technological learning.
By 2035, advancements in electrification technologies are expected to facilitate widespread adoption across most industries. There is underlying importance for transformations in regulatory frameworks, large-scale availability of renewable electricity at competitive prices, and robust demonstration projects to mitigate risks and accelerate deployment. I
If implemented effectively, direct electrification has the potential to transform Australia’s industrial landscape, enhancing energy security, reducing input costs, and meeting climate neutrality targets.
To support this, educational frameworks and digital management systems will need to be developed at both network and local levels to assist local industries in supplying electrification plant and equipment. For example, Australia already has highly regarded heat pump manufacturers and process furnace development specialists operating at world-class standards.
(Image supplied part of Agora Industry Research Study</t>
  </si>
  <si>
    <t>Incentivise high-rise hydroponic farming in cities</t>
  </si>
  <si>
    <t>High-rise hydroponic farming has been adopted in several countries around the world as a way to address food security, sustainability and urbanisation. Australia can lower the carbon footprint of agriculture by investing in high rise hydroponic farming in cities. High rise farming can maximise land use in densely populated areas, requires less water than traditional farming, prevents land clearing, decreases transportation, provides employment, and enables increased automation in modern farming.</t>
  </si>
  <si>
    <t>High-rise hydroponic farming maximises space, allowing for food production in urban environments where land is limited and expensive. Lower cost supply chains are therefore created. Hydroponic practices use less water than traditional farming, making it more sustainable, especially in water-scarce areas. The controlled environment reduces the need for pesticides and lowers costs of food production. High rise farms can use sustainable energy sources and lower the carbon footprint of food production by reducing the need for long-distance transportation and land clearing. Increased automation in high-rise farming will improve efficiencies in food production.</t>
  </si>
  <si>
    <t>Legislate against employers requiring medical certificates to access paid personal leave</t>
  </si>
  <si>
    <t>The requirement of an employee to provide medical evidence (sick certificates) to employers in order to access paid personal leave should be made illegal under all employment law. The requirement of employees to provide medical documentation wastes time, money and clogs up an already overstretched primary healthcare system.</t>
  </si>
  <si>
    <t>Legislative reform is this area could be introduced relatively simply and quickly - and would produce substantial savings and benefits to productivity. Substantial reductions to out-of-pocket healthcare expenses incurred by individuals can be achieved. Pressures on already stretched primary healthcare providers will be reduced, minimising overservicing and wastage, freeing up healthcare resources where they are needed, and providing employees with assurance of fair access to paid sick leave without additional barriers such as the affordability and accessibility of primary healthcare.</t>
  </si>
  <si>
    <t>Extend Australia's development of a Wellbeing Economy</t>
  </si>
  <si>
    <t>A wellbeing economy puts human and planetary resources at the heart of resilient societies, focusing on quality of life, health, sustainability, and social equity. It goes beyond GDP, measuring true progress by valuing our natural, human, and social capital for long-term environmental and social prosperity.</t>
  </si>
  <si>
    <t>A wellbeing economy improves productivity as it improves quality of life and values the contribution of individuals and communities to society generally. It also allows policymakers to value productivity in other ways beyond continual growth of GDP, and enables governments to overcome many of the limitations of GDP as a blunt measure of national progress. By incorporating broader indicators, such as happiness, life satisfaction, and ecological sustainability, Australia could better gauge its true success and make more informed, long-term policy decisions that support overall well-being.
Countries globally are adopting wellbeing frameworks to create more resilient and equitable societies, with New Zealand leading the charge in 2019 through its Wellbeing Budget. Australia followed suit in 2023, introducing a range of indicators to “measure what matters.” While these are positive steps, more work is needed to fully transition towards a wellbeing economy and translate wellbeing action through all policies at Federal and State and Territory levels.
Benefits of transitioning to a wellbeing economy include better social and health equity. Rising wealth gaps and social disparities hinder the overall quality of life for many Australians. A wellbeing approach would focus policy at all levels of government on ensuring access to affordable healthcare, quality education and fair economic opportunities, in order to reduce poverty, enhance social mobility and foster greater inclusivity, ultimately creating a more cohesive and resilient society. A wellbeing economy that values social equity can also dismantle the structural barriers that perpetuate systemic discrimination in healthcare, education and employment that disproportionately impact the lives of First Nations Australians.
A wellbeing economy also centres environmental and planetary health in policymaking, requiring that all policies operate within planetary boundaries including carbon emissions, water use and deforestation. This approach ensures that economic progress is sustainable in the long term and does not come at the expense of human and planetary life. A wellbeing economy will support Australia's transition to renewable energy, promote sustainable agriculture and protect biodiversity, while strengthening our resilience to climate breakdown.
Health and wellbeing, including mental health, will also benefit from a shift to a wellbeing economy. A wellbeing economy allows governments to value prevention, access to healthcare, patient preferences and cultural safety in care, and deliver outcomes that matter to individuals and communities. Healthier populations are more productive, less costly to governments and have lower use of the tertiary health system.</t>
  </si>
  <si>
    <t>Drive circularity and increase the productivity of materials in the economy</t>
  </si>
  <si>
    <t>Encourage circularity and 'product as a service' models where producers retain ownership, are incentivised to make products last as long as possible and consumers instead pay for the service and can upgrade / change their service arrangement as required.</t>
  </si>
  <si>
    <t>By driving product as a service models, producers are automatically driven to create longer-lasting products, and create value through servicing, the service model / payment model, and supporting a skilled repair industry. This could be extended to including white goods in all rental properties, and consumers pay to use them like they would pay for energy or internet, and there is no need to move them every time a lease is changed (reducing the change for damage through regular moving).</t>
  </si>
  <si>
    <t>Broad-based land tax</t>
  </si>
  <si>
    <t>Replace highly inefficient taxes with a broad-based land tax based on the value of land. This could include taxes like stamp duty.
The tax would be charged annually at a flat rate.</t>
  </si>
  <si>
    <t>Replacing inefficient taxes with a broad-based land tax would stimulate economic growth, improve the use of land and improve equity all leading to a more productive economy.
Some additional benefits include not penalising the construction of new housing, penalising land banking and the underutilisation of land, and providing a direct funding link between better government services and those that benefit from those services (i.e. landowners).</t>
  </si>
  <si>
    <t>Level the playing field for energy and renewables</t>
  </si>
  <si>
    <t>Properly tax those in the mining and extractive resources industry, and incentivise investment in renewables. Mining companies need to contribute to the Australian economy, and the "true cost" of non-renewable energy should be more apparent. Many countries are far ahead of Australia in this regard, and we could do much better.</t>
  </si>
  <si>
    <t>By demonstrating the true, unsubsidised cost of energy, we could then focus specifically on efficient and renewable energy solutions, and reduce effort towards less efficient environmentally questionable solutions.</t>
  </si>
  <si>
    <t>A 3 days working week</t>
  </si>
  <si>
    <t>Some countries are experimenting with a 4 days working week but a 3 day working week will ensure workforce participation particularly for women and increase life balance.</t>
  </si>
  <si>
    <t>Improved workforce participation and adaptability. Workers will also have more time to dedicate to their health and wellbeing and being out and about in the community rather than locked up in the office. Productivity would increase and there would be less traffic on the roads and less congested transport, which would support a better economy. Parenting would be facilitated and with children having more opportunities for one on one care, later problems could be prevented with enormous savings in mental health, correction just to mention the most pressing issues. During peak times, workers could still be asked to return to work 4 days a week so employers would have that flexibility, including extended work hours, work from home options etc. The 3 day work week promotes higher profits and a happier staff! The future is here, Australia!</t>
  </si>
  <si>
    <t>COVID-19: Acute Infections and Long COVID Impacts on Australian Labor Productivity</t>
  </si>
  <si>
    <t>In the past 5 years approximately 60% of the world's population has been infected with the SARS-CoV-2 virus. While most people recover from an acute infection within 10 days, about 5% of those infected have long-term symptoms that exist from 12 weeks or more (according to Al-Aly et al. (2024) the cumulative global incidence is about 400 million people). Of those who get Long COVID, a US study found that "...13.9% of participants (based on 2,939 adults in the US sample) reported not returning to work since their infection". (Venkatesh et al. 2024).  
Given that: (1) the COVID-19 acute infections rates during 2024 peak episodes remain high (as high as they were in 2022); (2) repeated infections (most Australian have had more than one infection) increase the chance of getting Long COVID; and (3) that the majority of Long COVID sufferers are of working age, COVID-19 imposes substantial costs on labor productivity globally, and in Australia. 
In the UK, Cambridge Econometrics (2024) has estimated: "Long Covid is likely to reduce GDP by £1.5bn and around 140,000 jobs each year". For the US, McKinsey&amp; Company (2023) estimated that in 2022 COVID-19 "...likely reduced the availability of the US workforce by as much as 2.6 percent...". In Australia, Costantino et al. (2024) estimated the economic losses from Long COVID (not from acute infections) to be: "...mean labour loss attributable to long COVID in 2022 was projected to be 102.4 million (95% confidence interval [CI], 50.4–162.2 million) worked hours, equivalent to 0.48% (95% CI, 0.24–0.76%) of total worked hours in Australia during the 2020–21 financial year. The estimated mean GDP loss caused by the projected decline in labour supply and reduced use of other production factors was $9.6 billion (95% CI, $4.7–15.2 billion), or 0.5% of GDP. The estimated labour loss was greatest for people aged 30–39 years (27.5 million [95% CI,16.0–41.0 million] hours; 26.9% of total labour loss) and people aged 40–49 years (24.5 million [95% CI, 12.1–38.7 million] hours; 23.9% of total labour loss)." If acute infections are also accounted for then the estimated loss in total worked hours in Australia was 1.9%."
In sum, in 2024 both acute infections and the cumulative impact of Long COVID is having a substantial impact on the Australian economy in terms of :(1) reduced labour hours and (2) reduced effectiveness of labour while at work. These economic losses are very unevenly distributed. In total, these costs for Australia represent about $A 20 billion annual loss in labour value-added and could be as much as $A40 billion annual loss if the impacts on uses of inputs are fully considered.
References: Al-Aly et al. (2024) in Nature Medicine 'Long COVID science, research and policy'; Valentina et al. (2024); Cambridge Econometrics (2024) 'The Economic Burden of Long COVID in the UK'.; Constantino et al. (2024) in Medical Journal of Australia 'The public health and economic burden of long COVID in Australia, 2022–24: a modelling study'; McKinsey &amp; Company (2023) 'How COVID-19 is hurting the US workforce'; Venkatesh et al. (2024) in PLOS ONE 'The association between prolonged SARS-CoV-2 symptoms and work outcomes'.</t>
  </si>
  <si>
    <t>Recommendations: (1) A preliminary cost-benefit analysis in 2024 conducted for the Safe Air Project by Economic Professors Grafton and Chu (at the ANU) and Kompas (at University of Melbourne) indicated that there is a high-level of confidence that the Benefit-Cost Ratio in Australia exceeds 1.0 (they estimated a BCR between 1.5 and 3.1) for investments in improved indoor air quality in all public buildings in Australia. Thus, Australian governments should collectively invest in improving indoor air-quality in all public buildings; (2) Allow all adult Australians, not just those aged 65 years or over and the severely immunocompromised which is the current situation in Australia, to be vaccinated every six months to lower the incidence of acute COVID-19 infections and Long COVID; (3) Impose mandatory mask wearing in health facilities, especially in hospitals which is the most commonly reported location for contracting COVID-19 in Australia,  would lower the incidence of acute COVID-19 and Long COVID.
References: The Safer Air Project (2024) 'Safer Shared Air A critical accessibility and inclusion issue'</t>
  </si>
  <si>
    <t>Fill Lake Eyre</t>
  </si>
  <si>
    <t>One of the challenges of renewable electricity generation is what to do with surpluses. If we build enough generation to meet peak needs we will at other times be making more energy than we need. 
One solution is energy storage, but that remains technically/economically challenging for now. Another idea is to use the  surplus energy created in offpeak times. These uses could be industrial, agricultural, financial or environmental.
One impediment to industrial use is that many industrial processes that could become economic with cheap energy actually need more reliable supply than can be guaranteed. 
However that is not to say there aren't things we could do with abundant energy, and one such thing is moving water. One place we could move it is to the centre of our arid continent. 
For example, pumping water to Lake Eyre, perhaps desalinated water from the top of the Spencer Gulf, would allow the lake to fill and flow back downstream, creating more vibrant green spaces and additional agricultural opportunities. A wet Lake Eyre could even help cool Australia's east coast.
This example is chosen, primarily, to be eye-catching. 
There are likely even more productive ways to use an abundant but intermittent supply of fresh water. 
For example some of the crazier 20th century ideas about pumping rainwater from the coastal side of the  Queensland's great dividing range back over to the other side of the watershed could become less crazy with abundant energy.</t>
  </si>
  <si>
    <t>Ultimately this idea is about considering what we could do with surplus energy. Storing energy in the form of energy is just one idea. Transforming it to other valuable things may be more economic. Energy is fungible: it can become freshwater, or transport, or light, run the world's AI, or, god forbid, be used to mine bitcoin. With well-chosen outlets for abundant clean energy we incentivise the installation of more clean energy.</t>
  </si>
  <si>
    <t>Reform the senior secondary certificates &amp; remove the ATAR</t>
  </si>
  <si>
    <t>Reform the academic pathway in the senior secondary certificates (i.e. in Victoria, the VCE) and make our school leaving certificates more reflective of current economic and social need. Give students the opportunities to study a wide set of subjects and follow a range of pursuits. 
The focus in the upper years of secondary school should shift to greater practical/applied learning, collaborative work and opportunities for young people to work within their community, 
Remove the ATAR. A ranking score to get into university should not determine a student's sense of their educational accomplishments and future prospects. Many universities have already shifted away from the ATAR as the primary selection tool, which calls into question its contemporary relevance. 
No other education system has such a complicated metric that proports to measure student achievement.</t>
  </si>
  <si>
    <t>Enabling students to gain more confidence at school and giving them greater opportunities to learn will assist them in making the right study/career choices, which will improve productivity at the individual and national level.</t>
  </si>
  <si>
    <t>Discourage degree inflation and years of extra study to increase workforce participaton by young people.</t>
  </si>
  <si>
    <t>Australia has a huge potential supply of highly dynamic, intellectually flexible workers. But they are currently engaged in study. 
The benefits of starting a professional career at age 20 as opposed to age 23 or 24 are probably significant to the worker - in terms of lifelong earnings and accumulation of on-the-job experience. A worker aged 30 with 10 years experience is more valuable to the economy than one with 6 years experience. 
The rise of extra years of study became normalised during the years where the RBA ran tight monetary policy and budget surpluses were lionised. It is probably valuable to see extra years of study as a response to macroeconomic conditions rather than inherently advantageous. 
If we run a tighter labour market, we can expect increased labour supply in three main groups: from women, older people and young people. This last group lacks a policy to help them join the labour market.
During the pandemic we saw workforce participation by local young people soar as foreign backpackers were absent. The concept of hysteresis suggests that this early exposure to paid employment will generate a lifetime of benefits.
Normalising hiring straight out of school, normalising bachelors degrees without an honours year and discouraging professional masters degrees could unleash a wave of willing workers. They may be moderately less productive in their first year in the workforce, but more productive over a lifetime of work.</t>
  </si>
  <si>
    <t>Higher workforce participation, higher workforce skills, higher productivity, higher dynamism, new ideas and greater familiarity with digital-centric concepts.</t>
  </si>
  <si>
    <t>Staff/automate Centrelink phone centres to reduce wait times.</t>
  </si>
  <si>
    <t>The time cost of contacting Centrelink can be extreme; this fact is used to deter accessing welfare. But often enough it falls on carers who are juggling jobs rather than on the person accessing welfare payments.</t>
  </si>
  <si>
    <t>Time is extremely scarce. We can't make more of it. Organisations can make apparent savings via shifting time burdens from their own staff to their stakeholders. But this can create a type of externality: it leaves Australians  with less spare time to work or participate in leisure. 
In the private sector we can anticipate this burden-shifting to be competed away. In the public sector we need to benchmark this and target it ruthlessly to avoid productive hours being lost to listening to Hold Music.</t>
  </si>
  <si>
    <t>Fine international illegal fishing and implement trade sanctions</t>
  </si>
  <si>
    <t>Where illegal fishing occurs in Australia’s waters and a border force vessel intercepts the criminals the fine should seek to cover the cost of the operation and arrest activities. If fines are not paid by the illegal fishers or their government then trade sanctions can be implemented with the country of origin of the illegal fishers, for example a new tariff on all imported goods from the country be implemented until the cost of the border force operation is covered.</t>
  </si>
  <si>
    <t>Reward relational practice via activity-based funding</t>
  </si>
  <si>
    <t>Alter current activity-based funding models in the health system to reward hospitals that increase relational practice and patient contact in mental healthcare.</t>
  </si>
  <si>
    <t>Real support for Income support dependent people with obesity</t>
  </si>
  <si>
    <t>People who are receiving jobseeker allowance for 12 months or more who self-identify as a person with obesity should be provided additional assistance to:
•Navigate treatment options for obesity 
•Cope with possible labour market discrimination 
•Find suitable work while undertaking obesity treatment
•Make it unflawful to deny work to an individual due to their weight or body shape.</t>
  </si>
  <si>
    <t>Too many people with obesity are not in the labour force due to discrimination and lack of support.</t>
  </si>
  <si>
    <t>Prison Population Reduction Target</t>
  </si>
  <si>
    <t>Australia is spending public money to jail many working age people, this spending is unproductive from an economic growth perspective. To reduce public funding for jails the jail populations need to be reduced via crime prevention, less jail sentences for non-violent crimes, and by preventing Intergenerational cycles of violence &amp; crime. The government should set a target to reduce national prison populations yearly from 2026, with funding allocated to social impact bonds and services which prove successful in veering people away from violent, and heinous crimes.</t>
  </si>
  <si>
    <t>Savings from lowering the prison population can be redirected to productivity enhancing investments. Reducing working age population in prisons can free up labour force potential.</t>
  </si>
  <si>
    <t>Digital by default for public infrastructure</t>
  </si>
  <si>
    <t>Enable significant public infrastructure productivity improvements in design, build, operate and use through digital enablement of infrastructure asset life-cycle.</t>
  </si>
  <si>
    <t>The digital by default recommendation for infrastructure was raised by Infrastructure Australia in their reform paper of 2021. Since then Consult Australia, supported by IoT Alliance Australia, has led a campaign to rally industry support and alignment to enable digital by default which has the potential to  yield up to $62 billion per annum productivity improvement over an industry that has failed to improve productivity in over 30 years.
Consult Australia has released a white paper that outlines the principles underpin a new enabling environment for digital by default, with a clear pathway for governments to harness best practice already underway and catalyse change. Consult Australia’s five recommendations presented here provide for a practical way to leverage that enabling environment and achieve digital by default:
1. Build a Digital by Default Community of Practice
2. Invest in the business cases
3. Harmonise standards and guidance for data and information management
4. Embed requirements through procurement with an outcome-led approach
5. Build capability and skills.</t>
  </si>
  <si>
    <t>Getting to Zero: eating the elephant one bite at a time.</t>
  </si>
  <si>
    <t>this is about reducing emissions, not just measuring them. we have a population willing to help, but don't know how. SlipSlopSlap and paper recycling illustrate how small ideas can add up with good messaging. Why not have develop monthly messaging around "one small thing" we can do to help the planet - like recycling batteries, or using paper bags, or backyard compost, or LED lighting, or dead phone collection? by publishing these plans well in advance, industry can be encouraged to go with the program with promotions/discounts and supportive advertising.</t>
  </si>
  <si>
    <t>we also need some subsidy to develop ideas for reduce/recycle into commercially competent outcomes and not send these ideas overseas. for example, CSIRO developed a reverse polymerisation process to turn soft plastics back into oils - why not help companies scale this up? Why not help companies develop H2 fuel distribution points? we know a company with small scale modular H2 production/generation near major highways,  and another with a  non-explosive H2 heat generation system, but they need help to get it going. Yup, it's "backing winners" - if there is worry over that then run a lottery.</t>
  </si>
  <si>
    <t>QUALITY CARE EFFICIENTLY.</t>
  </si>
  <si>
    <t>Care is best delivered where people are “in one place” – but the current model is corrupted by for-profit providers where government pays their profits to support hungry shareholders. “Over 55’s” units are just home units. “Lifestyle villages” with leased land have some facilities but no guarantee of ongoing ownership and are increasingly vulnerable to sale. Care “in home” is too widely dispersed and too much qualified time is spent driving.  Increasingly retirees want the services found in “for profit” villages- gym, clubhouse, pool, community activities. This socialisation extends quality lifespan but without the huge returns and complicated contracts demanded by corporates.</t>
  </si>
  <si>
    <t>Why not a new model? Developer (or government) sets up “villages” with pool, clubhouse gym, etc, but then sells strata to owners – and the strata fees pay for the facilities? Profit taking on resale possible, less small % for future capital works. Owners corporation runs the centre to specific guidelines. Strict government regulation to avoid “strata management” ripoffs. Retired people together, so care can be efficiently delivered. Can include aged care facility. Can include independent living disability homes and some social housing. Residents own the facility so have control under strict rules. Independent auditors check at least 3-yearly at the cost to residents to reduce the risk of “strata takeover” by residents with agendas. Happier and healthier retirees = less drain on support systems. Closer living = more efficient healthcare and support services.</t>
  </si>
  <si>
    <t>The Visa System is NOT "one size!"</t>
  </si>
  <si>
    <t>-	Allow any employer to bring in skilled persons whether they are on the “skilled occupations list” or not. The responsibility will be on the applicant to demonstrate need and inability to hire locally. There can be a lower cost for those on the list, though and if you come in via an occupation that is not on the list, you can’t get residency. 
-	Develop a new definition of seasonal worker visa to recognise that it’s not only harvest/agriculture that has seasonal issues. Tourism, dog grooming, hospitality, some sports industries, and many others are intensely seasonal and do not fit current visas well. These are NOT “working holiday” visas as many are 40 hour/wk roles and are annual.
-	Automatic audit of said employers at their own cost, with “ONE strike and you are out” for issues like wage theft or coercion/slavery or forced poor conditions. That way bad employers don’t get to stay in the system!</t>
  </si>
  <si>
    <t>Fixing the TAFE system</t>
  </si>
  <si>
    <t>We teach in the TAFE system and it’s a mess – completely hamstrung by paperwork, forced-systems that do not meet needs, bureaucratic empires and focus on paper or computer/online rather than kinaesthetic skills. There is no workable Recognition of Prior Learning (RPL), and a complete teaching focus on TAE22 certification at the expense of industry skills. The drop-out rate is terrible. It needs fixing - URGENTLY!</t>
  </si>
  <si>
    <t>-	Develop an audit system with trained auditors who can drive an RPL system “by the unit”, rather than “by the course”. Subsidise Registered Training Organisations for the cost (since current subsidies are based on “bottoms on seats” rather than graduate %’s.). This will require an independent audit unit (see below). 
-	Develop a TAFE qualifications system “by the unit” rather than “by the course”. That way “dropouts” can get jobs based on what they DO have, and come back to finish later. Minimum prescribed set for “qualification”, but flexibility. 
-	Sell university qualifications “by the unit” as well – also allows for career change within professions by studying additional units, for undergrad “specialisation” and people with interest to pursue passions. 
-	Make government funding of places based on independent audit of the competencies of a random sample of graduands, not on the current method which provides reward for “fake” graduations of people who should have been failed, but weren’t. 
-	Develop industry ratings of courses, units and institutions. (A bit like the aged care star system, but without the corruption). 
-	Develop a ratings system of workplaces - there is currently no quality control over the workplaces to which these students take their newly learned skills. Good workplaces should be rewarded with additional subsidy, bad ones dropped off the list – they can still be used, but without subsidy. 
-	Develop a large group of units (foundational and some more advanced) for which no workplace is required. That way students who “drop out” can still get jobs, AND employers can use these people whether or not they go on. 
-	Develop an audit unit – with trained auditors – to compare and publicly rank the actual competence of graduands, to compare and publicly rank participating workplaces, to compare and publicly rank training institutions (government and private), independent of the training system.</t>
  </si>
  <si>
    <t>reward for smaller</t>
  </si>
  <si>
    <t>Government Culture Change 
Stop rewarding bureaucrats for building empires. The goal of many bureaucrats is promotion, and that relies partly on the size of the team managed. Instead, provide bonuses equal to 1 year’s savings for developing ideas to safely remove layers of regulation, reduce team sizes, develop mutual recognition with other states/countries or improve productivity.</t>
  </si>
  <si>
    <t>Smaller team sizes and safe removal of layers of regulation helps us all do business and not do admin.</t>
  </si>
  <si>
    <t>keep it quick</t>
  </si>
  <si>
    <t>Government Culture Change
Many small businesses and solo-operators spend heaps of time on the phone to government departments – WAITING. Cutting waiting times by half, rostering to peak periods, having call back services and converting phone messages to email (reading is up to 7X faster than writing) all help us to improve OUR productivity and get on with doing business during business hours.</t>
  </si>
  <si>
    <t>Small Change for HUGE results</t>
  </si>
  <si>
    <t>Government Culture Change #1
From “we are the regulator, how can we stop you doing business” to “how can we help you do business”?  Easy to say, harder to achieve, but would have massive effects on productivity. It would require well trained leaders and both protections and rewards for bureaucrats who could reach these goals. It would also require scripts to be developed and given to bureaucrats to protect them from the legal action that might be threatened. 
For hypothetical example, instead of “S37 prohibits the undertaking of this action on this property due the application of LEP 456”, the alternative might be: “this element of your application breaches this part of S37 (link attached) and LEP 456, page 36 (link attached), however you might consider including options like (a) or (b) or (c) to get closer to approval”. 
I just theoretically saved around 2 hours in (a) looking up s37, (b) looking up LEP 456 and trying to find the right page, both of which the bureaucrat had already looked up to respond to me. It also gave me ideas on how I might get to a successful result and helped me understand the spirit of the rules. MASSIVE productivity improvement!
Moreover, bureaucrats are afraid to take decisions as they are afraid of retribution from inside and out. Rewarding them for decision making, even bad decisions, helps to create a culture of construction and not “bottom-protection”.  They might need scripts to avoid risk to government, that’s all achievable.</t>
  </si>
  <si>
    <t>Most of are are busy doing business. we are not experts in regulation. we need help. a focus towards getting to an endpoint also potentially improves speed, and bureaucrat job satisfaction. this runs from local council right to federal departments. for example, can you imagine how many additional houses would be built in a year of approval time dropped by 30%?</t>
  </si>
  <si>
    <t>Productivity Policy Capability Improvement</t>
  </si>
  <si>
    <t>Need to improve the productivity of productivity policy itself.</t>
  </si>
  <si>
    <t>To improve the capability of productivity policy there needs to be a stronger focus on recommendations to government on the institutional/governmental mechanisms and processes for increasing the implementation (i.e. output) of the abundance of productivity-enhancing ideas (i.e. input) already produced through many previous reports and studies, including many of the topics and ideas listed for further consideration in this project.
More reports, by themselves, are not the answer to the urgent need to address Australia's declining productivity. This simply kicks the problem even farther down the road. Ways and means and commitment to getting on with the job are what is needed. Additional viable ideas will no doubt be forthcoming if and when progress is being made.
Lessons should be learned from the approaches used to generate the large economic and social benefits during the microeconomic reform era of the 1980s-90s. These include strong political leadership, inclusivity of important interest groups and the wider community in the reform process, and a strong public information and education program.</t>
  </si>
  <si>
    <t>Remuneration for grandparents to relieve demand on childcare places.</t>
  </si>
  <si>
    <t>Government remuneration for grandparents who provide child care for grandchildren.</t>
  </si>
  <si>
    <t>A regular payment by state governments, to grandparents who provide childcare for their grandchildren. By doing so, grandparents not only save families a lot of money by not using childcare facilities but also alleviate demand for places at childcare facilities.  This would take pressure off the government to provide more facilities. Many grandparents are pensioners and struggle to afford transport fees and other costs involved in caring for grandchildren. They may also be unable to engage in any paid employment, to boost their pension payment because they are child minding. The payment would alleviate some of the financial pressure and also add money back into the economy in the form of spending and GST. The payment should not be tested against pension payments.</t>
  </si>
  <si>
    <t>Exempt FBT on offpremise childcare assistance for employers</t>
  </si>
  <si>
    <t>Equalise the treatment of employers financially assisting their employees with childcare on and off premises, including after-school care services. Current practices limit the offering of creches to central business districts, which can disadvantage smaller to medium-sized and non-metropolitan employers.
https://taxboard.gov.au/sites/taxboard.gov.au/files/2021-03/43%20BoT-sounding-board---child-care-v2-ea9381.docx
https://thewest.com.au/business/mining/mining-industry-to-float-tax-breaks-in-bid-to-win-over-workers-facing-childcare-dilemma-in-regional-towns--c-13444537
https://www.afr.com/politics/federal/call-to-change-tax-law-to-boost-childcare-access-20220307-p5a2ex
https://www.taxinstitute.com.au/resources/journals/australian-tax-forum/2022/the-tax-institute-521-covid-19-and-the-fbt-child-care-exemption-examining-the</t>
  </si>
  <si>
    <t>It can help centralise (aggregate) demand through employer-sponsored care.</t>
  </si>
  <si>
    <t>Include entrepreneurs with disability and disability owned businesses in government procurements.</t>
  </si>
  <si>
    <t>There are entrepreneurs with disabilities that have the real life experience, knowledge, skills and abilities; that have their own business and have created products and services that government departments, agencies and organisations at Local, State and Federal levels can use to create more, provide better services and outcomes to include everyone.</t>
  </si>
  <si>
    <t>If we are to create new innovative products, services and solve problems; there needs to be more diverse people with ideas, experiences and abilities. 
When there are different ideas and solutions to solve a problem, to create a product and service; it benefits all because more people are involved and included.
To have productivity:
More people need to be included by participating and contributing.
More diverse ideas, skills, knowledge, life-work experiences is needed as knowledge never ceases and evolves.
More diverse people need to participate especially people with disabilities that have abilities.
Entrepreneurs with disabilities have diverse, different, additional skills and abilities that they have learnt and gain from living with a disability and overcoming some of their setbacks in their professional-work life experience and starting their own business.
These diverse, different, additional skills and abilities can be procured by government and public-private organisations:
To create new innovative, different and additional products and services that people and businesses would need.
To offer better services that people currently need and would need in the future.
To improve the services so more people are covered and included.
To offer additional services to cover a range of issues as people are different in what affects them and what solution work for them.
To create and implement the solutions to solve the issues and problems so better outcomes can be achieved.
As disability owned businesses range from Micro, Sole Trader and Small; they are part of the MSME “Micro Small Medium Enterprise” structure which is the majority of businesses.
These productivity benefits will have a positive effect on all sectors from industries, companies, businesses and government departments, agencies and organisations because additional and diverse knowledge is used.
That additional knowledge along with the skills and abilities of entrepreneurs with disabilities and disability owned businesses bring with them when they work with, within, partner and are included in all sectors of the economy will also have a positive effect on people with disabilities that have abilities as they are given a chance and a opportunity to participate and be included.</t>
  </si>
  <si>
    <t>Harness environmental health data to protect Australians from unsafe air</t>
  </si>
  <si>
    <t>Airborne viruses, bacteria, aeroallergens, gases and fine particulates are a significant but avoidable burden on productivity. Poor air quality increases rates of worker absenteeism and increases demand on the health system. Over time, air pollution increases the number of years of life Australians spend with chronic diseases and disabilities. Real-time environmental data regarding air quality can reduce exposure to unsafe air, greatly increasing productivity.</t>
  </si>
  <si>
    <t>Because we spend nearly 90% of our lives indoors, indoor air quality is an important determinant of health. Low-cost air quality monitors present an enormous opportunity to monitor and control indoor air quality. Public buildings such as workplaces, schools and hospitals should be required to install low-cost sensors to track key indicators of indoor air quality: carbon monoxide, carbon dioxide and fine particulate matter.(1) These sensors would enable Australia to implement indoor air quality standards for public buildings. Economists estimate that indoor air quality standards would deliver productivity benefits of between $12-25 billion annually at a cost-benefit ratio of 1.5:3.1.(2)
More than half the population of Australia is in a group known to be at higher risk of serious harm from air pollution due to their age or underlying health.  Arming vulnerable people with real-time air quality data using a smartphone app such as AirRater enables them to reduce their exposure and protect their health. Expanding this service to just 5% of Australians is estimated to generate annual productivity benefits of between $40.8 - $142.9 million.(3)
Internationally, improving air quality has resulted in substantial productivity benefits. In the United States, a cost-benefit analysis of the Clean Air Act showed that the benefits ($2 trillion) of improved air quality far outweighed the costs ($65 billion) at a ratio of 30:1; meaning that for every $1 invested in air pollution control and mitigation, a $30 benefit was received in reduced health care costs and economic productivity.(4) Leveraging environmental health data to monitor and evaluate interventions and policies to reduce outdoor air pollution can generate enormous productivity, health and economic benefits -- especially to those who are most vulnerable to air pollution such as older adults, pregnant people and unborn babies, children, people with pre-existing chronic conditions, socially disadvantaged populations, and Aboriginal and Torres Strait Islander people. 
References:
1. Morawska L, Allen J, Bahnfleth W, Bennett B, Bluyssen PM, Boerstra A, Buonanno G, Cao J, Dancer SJ, Floto A, Franchimon F. Mandating indoor air quality for public buildings. Science. 2024 Mar 29;383(6690):1418-20. https://doi.org/10.1126/science.adl0677
2. Grafton Q, Chu L, Kompas T. Safer shared air: A critical accessibility and inclusion issue [Internet]. The Safer Air Project; 2024 Nov [cited 2025 Jan 6] p. 48–51. Available from: https://www.saferairproject.com/safer-shared-air
3. Johnston F. Potential health benefits of using mobile apps to inform Australians about environmental hazards. Briefing; 2022 Nov 8; Tasmanian Department of Health. 
4. United States Environmental Protection Authority. The Benefits and Costs of the Clean Air Act from 1990 to 2020. US EPA; 2011. Available from: https://www.epa.gov/clean-air-act-overview/benefits-and-costs-clean-air-act-1990-2020-report-documents-and-graphics</t>
  </si>
  <si>
    <t>Turbocharge productivity by improving indoor air quality</t>
  </si>
  <si>
    <t>Australia invests billions of dollars in controlling the quality of the food we eat and the water we drink, but we have no reliable system in place for safeguarding the quality of the air we breathe indoors, where we spend 90% of our time. 
Introducing standards, improving ventilation systems, and educating Australians on the benefits of good indoor air quality can turbocharge our productivity by reducing the transmission of illnesses and other airborne pathogens, and improving our cognition.</t>
  </si>
  <si>
    <t>The productivity of millions of Australians is dramatically reduced through illnesses, many of which are transferred through the air in indoor environments. In 1998, the CSIRO estimated the cost of poor indoor air quality in Australia at $12 billion per year – equivalent to $24 billion in today’s money. And this is without accounting for the impact of new diseases such as COVID-19. In 2022, long COVID alone cost the Australian economy almost $10 billion due to declining labour supply and reduction in other production factors. New estimates for 2022, which include both COVID and long COVID, indicate a 1.9% reduction in labour supply, equating to a $20 billion loss in labour value-added alone, or roughly a $39 billion reduction in GDP, assuming a proportional decrease in other factors. 
The quality of the air we breathe also directly affects the quality of the work we do. In Australian school classrooms, for example, inadequate ventilation often leads to high levels of carbon dioxide (CO2). Students are less able to concentrate and may experience headaches, drowsiness, tiredness and changes in respiratory patterns. Schoolchildren exposed to CO2 levels above 1,000ppm (very common) face a significantly higher risk for dry cough and rhinitis. Low fresh air ventilation rates have been linked to higher rates of absenteeism, poorer performance on academic tests, and teacher dissatisfaction. High levels of CO2 are also common in other settings where important decisions are made – offices for example. The cost of poor concentration and decision-making in these spaces is hard to quantify, but there is clearly a significant opportunity to improve outcomes by improving indoor air quality. 
A recent report produced by the Facilities Management Association of New Zealand analysed the economic benefit and cost of upgrading buildings to improve indoor air quality. It found that health benefits alone would justify the investment, with a benefit-cost ratio (BCR) of between 1 and 2.3. Including productivity would increase the BCR to between 3.4 and 4.6. 
As noted above, Australia does not have operational standards in place for guaranteeing a minimum level of indoor air quality. The first step to doing this is to convene a multi-disciplinary expert panel to put a plan in place, with government support. Improving ventilation systems will be a key part of the solution. Thankfully, we already have much of the technology and engineering required. We must also educate people about the importance of indoor air quality, and how they can play a part. For example, staying out of shared spaces when they are sick. 
AIRAH, as a leading industry body representing professionals in the heating, ventilation, air conditioning and refrigeration industry, is ideally positioned to participate in such an initiative by contributing the expertise and experience of our expert members. We are driving conversation and building knowledge in this space through our events on indoor air quality, and by developing technical resources and training to help lift the quality of air in our buildings. 
In short, we see improving indoor air quality as a huge, untapped opportunity to boost productivity in Australia.</t>
  </si>
  <si>
    <t>Road and transport solutions</t>
  </si>
  <si>
    <t>It's about giving many more people a choice between driving or leaving their cars behind more often, to boost road productivity, and save on mega infrastructure expenditure in cities.</t>
  </si>
  <si>
    <t>THE CHALLENGES
New road and transport infrastructure is great at stimulating growth, yet exceedingly costly.
Its rollout in and around Australia’s biggest cities is never enough to solve ever rising traffic congestion. Countrywide, the infrastructure needs major repair and modernising.
Much of Australia, including swathes of the biggest cities, lack good public transport.
IDEAS
Affordable, though largely overlooked ideas offer solutions, sooner not later: 
Give many more people a choice between driving or leaving their cars behind more often, to boost road productivity, and save on mega infrastructure expenditure in cities, with:
•	Comprehensively increased bus fleets,
•	Raised service levels on existing bus routes, and
•	Interconnected, frequent (10-minute) bus services for all residential areas, activity centres and busy roads, across entire cities. 
Address other timely needs, such as for road maintenance and more car-alternative capacity, e.g. for walking and biking, and regional air services.
Direct road and transport expenditure, including savings, proportionately between capital-cities and elsewhere, to share growth stimulus nationwide, and take pressure off capital-cities over time. 
Implement in line with the 5-year Productivity Inquiry recommendation-5.8 on improving public expenditure efficiency. 
EVIDENCE
GLOBALLY
Worldwide, travel delays per person are lower in smaller than larger cities, and lower in cities with more public transport services than in cities of similar size with less. 
On city size, bigger means more liveable and productive to a point. Usually, cities of a few hundred thousand up to around 7-million residents do better. 
IN AUSTRALIA
Australia’s population is amassed proportionally far more into very large cities, compared with cities in the U.S. and most other nations. 
Public transport dominates in our largest CBDs. But of all the travel nationally (in person-kilometres), around 64% is by car, 17% airline, 4% bus, 3% rail and 12% other modes. 
Car travel is typically 70-80% across very large, and over 90% across smaller cities. 
Of all the vehicles on roads nationally (cars, trucks, vans etc.), buses represent less than 1% (of total vehicle-kilometres travelled). Across our biggest cities it is also less than 1%.
FULLSCALE DEMONSTRATION
The Sydney 2000 Olympics, albeit short-lived, showed thriving bus services at work. 
Bus fleets and services were doubled by hiring extra buses from elsewhere. 
People embraced expanded train and bus services and reduced their car use.
Despite more travel demand than ever before, traffic congestion eased.  
New mega infrastructure projects (multibillion dollar roads, railways, light rail, bus-transitways etc.) would have exhausted available funding.
NOW AS THEN
Car-dependence can be reduced.
The road system can excel if operated productively.
It is plainly doable and sustainable.</t>
  </si>
  <si>
    <t>Increase tax-incentives for RD&amp;E and adoption of technology solutions for aquaculture</t>
  </si>
  <si>
    <t>Financially viable aquaculture in remote areas of Australia is constrained by high op-ex costs associated with large scales-of-operation and challenges with access to labour. These can be mitigated by greater use of technological solutions to enable remote management and monitoring.</t>
  </si>
  <si>
    <t>Greater use of technological solutions for remote management and monitoring will help realise the development of remote locations that are more environmentally sustainable (given fewer anthropogenic impacts) allowing greater scales of operation. Increased gross regional domestic production will occur through greater supply chain and on-farm production. Regional employment will increase through greater post-harvest (off-farm) processing offsetting the replacement of on-farm roles with technology.</t>
  </si>
  <si>
    <t>Australian “Study Foundation”</t>
  </si>
  <si>
    <t>The Commonwealth should create a national “study foundation” for high achieving university students from all backgrounds. The foundation could host workshops and talks for the students on current issues, from both government and large domestic businesses. It could be similar in operation to the Studienstiftung in Germany and Switzerland.</t>
  </si>
  <si>
    <t>One of the key benefits of such a study foundation is to harness the enthusiasm and energy of bright, motivated students. For example, a government department could host a workshop that breaks up students into interdisciplinary groups and gives them a particular policy issue (e.g. how to incorporate AI into the department’s administrative functions). The students involved would have the opportunity to develop lateral thinking while trying to make a meaningful difference to topical issues. The department involved has the benefit of different perspectives engaging in a free brainstorming exercise.
An organisation of this nature would also give students exposure to the range of different career pathways that may be open to them on completion of their studies, particularly in the public sector. This would help contribute to a more adaptable workplace.</t>
  </si>
  <si>
    <t>Export-linked tax incentives for non-primary sector goods and services</t>
  </si>
  <si>
    <t>Provide tax breaks (and potentially other support / incentives) to non-primary sector companies exporting their products and services to the world.</t>
  </si>
  <si>
    <t>We are arguably experiencing Dutch Disease, where the huge growth in natural resource exports over the past two decades has raised our terms of trade enormously and led to a relative loss of competitiveness in more labour-intensive sectors such as manufacturing and professional services.
We can't go back to the pre-resource boom 1980s and the primary sector is currently a huge source of our national wealth. But we can try to re-orient and incentivise our non-primary sectors to become more globally competitive. This means marshaling our ingenuity, can-do attitude and innovative spirit into creating products and services that the world wants and are unique, high value, laden with embodied technological IP and proprietary know-how, and are inherently difficult to copy, e.g. think Brazil's Embraer, Netherland's ASML, Taiwan's TSMC, Switzerland's Schindler (elevators) or Australia's own WiseTech (logistics software). This in lieu of trying to foster a manufacturing sector that makes products other nations can make cheaper, more efficiently and at larger scale.
The basic idea is for government to provide tax breaks (and potentially other support / incentives) for non-primary sector companies exporting their products and services to the world. The government should just create the conditions for Australian companies to do their thing and then get out of the way. Export-linked incentives is an idea that has had successes in the past - for example, it was vigorously pursued by Japan in the mid-20th century, where the country supported its export sectors (like carmakers Toyota and Honda), but only if they were globally competitive. 
Making the incentives export-linked is crucial to instill discipline and minimise graft. If an Australian company can compete on the global marketplace, against companies benefiting from the overt industrial policies of countries like China and France, then it is truly producing world class products and services. That's what we should be striving for as a small developed nation with a limited domestic market, akin to small rich export-oriented nations such as Switzerland, Singapore, Sweden and Austria.</t>
  </si>
  <si>
    <t>Increase Private Health Rebate for Australians 80+ Seniors living in Remote and Rural Areas</t>
  </si>
  <si>
    <t>Increasing the Private health insurance rebate to 30% for Seniors aged 80+ living in remote communities and regional towns could reduce pressure on public health services through incentivising more seniors to choose private hospital insurance.</t>
  </si>
  <si>
    <t>Increase taxes to dissuade non-productive use of money</t>
  </si>
  <si>
    <t>Increase the Good and Services tax on Online Gambling to 20% to dissuade spending on this non-productive activity.</t>
  </si>
  <si>
    <t>Introduce a zero interest household efficiency loan for Pensioners</t>
  </si>
  <si>
    <t>Allow pensioners to loan up to $5,000 interest free via Services Australia, (paid back over 3-5 years) to upgrade household appliances to more energy efficient appliances, and to purchase solar hot water or solar battery storage.</t>
  </si>
  <si>
    <t>Increasing payments flexibility for NDIS Participants</t>
  </si>
  <si>
    <t>Introduce additional payment flexibility to the NDIS. Enable NDIS participants to purchase services and equipment using a NDIS funding linked payment card, for times that are price capped.</t>
  </si>
  <si>
    <t>Right to remote work</t>
  </si>
  <si>
    <t>Make remote work a right for all knowledge workers, to enable more job opportunities for people with disabilities, people living in rural areas, and people with carer responsibilities at home who need the flexibility of remote work.</t>
  </si>
  <si>
    <t>Many people are unable to participate in paid employment due to disability, carer responsibilities, or lack of job opportunities near where they live. Making remote work a workplace right for all knowledge workers whose role does not require in person interaction with customers or equipment will greatly increase the number of jobs accessible to people with these barriers to work, which will bring people who have opted out of the economy due to these barriers back into the workforce.</t>
  </si>
  <si>
    <t>Streamlining town planning permitting processes</t>
  </si>
  <si>
    <t>Refining Victorian Town Planning processes through review of planning scheme and properly funding local government to implement the scheme</t>
  </si>
  <si>
    <t>The existing Victorian Government Planning Scheme is complex and often requires planning permits that must be issued by local government.  Small Regional Local Governments are not sufficiently resourced to process these efficiently leading to 9 month (in my LGA) delays.  This means that new businesses are delayed, and the construction industry is hampered negatively impacting productivity.  The Victorian Government should;- simplify the planning scheme, - fund local government to deliver statutory planning functions, - fund local government to undertake key strategic planning studies required to implement the planning scheme, - provide suitable systems to enable monitoring and tracking permits.
Benefits include; more businesses started, lower costs to business, few delays in housing construction and lower costs for new housing.</t>
  </si>
  <si>
    <t>Attempting to increase productivity within organisations themselves</t>
  </si>
  <si>
    <t>I gather that the PC's charter does not allow it much access to productivity monitoring within market and non-market organisations. Is this not ground zero where productivity is achieved or lost? One cost efficient approach might be to hold national annual productivity awards via a formal evening function in Canberra. There are already such awards for Infrastructure Australia and Economic Development Australia.
Contenders for various types of productivity awards could pay for the privilege of attending an annual  dinner at which networking would be strongly encouraged and financially facilitated by the PC. Any costs to the PC would thereby be directed to potential links and outcomes. For any award, simply slashing workforces or asset stripping would not qualify: more innovative and respectable applications endorsed by the PC would be required. Maximal media coverage, naturally.</t>
  </si>
  <si>
    <t>Work to establish a grass roots culture of corporate productivity monitoring and gains. This idea offers one possible means: there must be many others to get the party started. The sort of thing I have in mind would follow the Business Person of the Year evening hosted by The Australian Financial Review. See the latest report about the event in the AFR of 6 December 2024, News, p. 8.</t>
  </si>
  <si>
    <t>Support improved infection control in healthcare &amp; education</t>
  </si>
  <si>
    <t>Disease transmission in healthcare &amp; education should be considered unacceptable but we continue to accept it despite having the knowledge to prevent it.  All confirmed &amp; probable healthcare &amp; education acquired infections should be notifiable &amp; reported transparently, with a goal of zero transmission.</t>
  </si>
  <si>
    <t>A healthy population is a productive one, and we need to set the right goals. Everyone deserves clean air, water &amp; food; and we can provide this by monitoring the environment &amp; taking action; as well as be taking precautions preemptively. As a start, remote work &amp; education opportunities for those with mild illness should be implemented; along with better sick leave provisions for workers, students &amp; carers; clearer guidelines for communities. For example - when recent public health alerts for rotavirus were released in nsw , parents, teachers &amp; healthcare workers were not given explicit handwashing &amp; surface cleaning advice, vaccination advice, reporting advice or supplies such as hand soap and paper towel. Similarly, when wastewater &amp; PCR surveillance shows increases in covid cases; no one is notified to monitor ventilation, wear masks, or test more frequently.</t>
  </si>
  <si>
    <t>Change housing investment &amp; real estate laws</t>
  </si>
  <si>
    <t>The current housing crisis is exacerbated by the financial incentives that make homeownership an investment for the few rather than a source of stability for the many. On top of this, real estate agencies have immense power over homeowners, tenants &amp; proactive homeowners. This inequality needs intervention.</t>
  </si>
  <si>
    <t>Investment property ownership needs to be limited. Individuals should be limited to interests in no more than 10 properties; with grandparenting clauses allowing those with long term loans opportunities to reduce their investment losses. Joint ownership should be included in this 10 property limit, but registered charities &amp; government entities excluded. Real estate agents should be limited in the information they hold about their clients, with a government body holding the information &amp; providing general overviews instead. All records must be held transparently with landlord and tenant having equal access. Housing security will allow for a more flexible workforce and improve economy by distributing workers throughout the country.</t>
  </si>
  <si>
    <t>Modern Lifestyle - Remote First &amp; 4 Day Work Week &amp; Universal Basic Income</t>
  </si>
  <si>
    <t>Australia is known for long distance travel  &amp; an outdoor lifestyle &amp; a good social safety net and we can capitalise on this by being known for remote work &amp; long weekends &amp; universal income. We can improve our economy and our quality of life at the same time by embedding modern work structures into every level of government - we can set an example and create laws for private workplaces.</t>
  </si>
  <si>
    <t>Wherever possible, people should be able to choose to work or study at least part of the time remotely; and expect a 4 day week alongside a basic income. These are all known to improve quality of life, and provide more opportunities for people with differing abilities. Remote work allows much needed flexibility for people whose skills would otherwise be wasted; and 4 day weeks allow life balance and greater workforce participation; with guaranteed income freeing people to pursue new opportunities.</t>
  </si>
  <si>
    <t>Pedestrian-First Lifestyle Focus</t>
  </si>
  <si>
    <t>Walkable cities improve local economies, and reduce traffic &amp; transport costs.
Reverse engineering active transport is not enough, especially when bicycle improvements often come at the cost of pedestrian improvements. All public and private construction needs to start with a pedestrian first plan. Supermarket - how will people walk here? Not how will they park here. Road - what is the best route for a pedestrian, not a car. Where will people sit or take shelter along their route? Light rail - how will people walk here? How will they cross the tracks when walking elsewhere?</t>
  </si>
  <si>
    <t>It is hard to rebuild our cities, but we have to start now, and we can start with the “last mile”. As a start, every child should have a safe route for walking to school. Every school should map the path of every student and create at least the final kilometre as a safe walking path. Other transport methods should be reserved for those who cannot walk - the disabled, those less abled, and those with unwalkable loads. Even if you travel a long distance, you should be able to walk the “last mile”. This pedestrian first lifestyle can benefit health and the economy and the environment.</t>
  </si>
  <si>
    <t>“Contract Manufacturing Hubs”</t>
  </si>
  <si>
    <t>The challenges facing traditional manufacturing industry in Australia is so great that a major shakeup is necessary or in other words a paradigm shift is necessary to change both direction and approach to allow manufacturing to once again contribute to a dynamic and resilient economy. At the same time building a more skilled and adaptable work place. By harvesting data and digital technology together with the use of AI  I believe based on practical evidence from a few startups that the skill levels in this space presently existing in Australia is world standard or above and therefore a major competitive advantage in kick starting a new approach to growing manufacturing industry this country rather than sadly watching its continued decline. The lack of financial investment from the private sector will mean that it fall to the government to come up with a way to raise the funds to make any change happen.</t>
  </si>
  <si>
    <t>Manufacturing operations in Australia are operating on average at 30 to 40% Efficiency. Modern manufacturing internationally are operating on average 75 to 85% Efficiency. Harvesting data and digital technologies together with AI could give Australia the opportunity to capture a bigger share of the local market but in addition could also grow the small export market presently existing for value added products. I see a glimmer of hope when I observed a small manufacturing startup achieving international standards of efficiency harnessing data and digital technologies together with using the power of AI. Two firsts: Paperless:Quality, Safety and Environmental control systems. Guaranteed zero defects completed products on contract for the local and export markets. The big advantage manufacturing could gain from scaling this idea it would bring a younger generation of people into the industry and help remove the poor reputation of manufacturing as a last resort place when it came for a career choice.</t>
  </si>
  <si>
    <t>Adoption of 360 degree performance evaluation of all leaders across the public service.</t>
  </si>
  <si>
    <t>360-degree evaluation provides employees with professional, anonymous feedback from the people that work closely with them. Whereas traditional performance reviews typically only include feedback from managers, 360-degree evaluation provides a more well-rounded view of employee behaviours by soliciting the ratings and comments of additional sources. Usually, this includes an employee's manager, peers, and direct reports. However, increasingly, vendors, clients and other business partners are asked to provide feedback. For decades now, this has been the default performance evaluation approach within the world's most successful companies.</t>
  </si>
  <si>
    <t>The productivity of the public service, local state &amp; federal, is impeded by leaders who have an unacceptably low appetite for risk. Many leaders in the public service, particularly at local &amp; state level, oppose to adoption of technology because they lack the creative capacity &amp; enthusiasm to mitigate risk. An example might help: the process for a ranger at a very large WA LGA to acquire a written statement form a rate payer, following the report of an offence, say illegal dumping. It requires a word processor, multiple visits to the person making the statement, manual editing on paper and a wet signature. A digital work flow process would increase the speed to close the matter, halve the labour cost &amp; enhance subsequent digital search. But the leaders at this LGA have no appetite for this change, and productivity suffers as a result. Those reporting to these leaders need to be given the chance to rate the performance of these risk-averse leaders, thus making them accountable with all of the gravity that comes with potential issue of a notice of dismissal due to poor performance.</t>
  </si>
  <si>
    <t>Enhanced epidemiologic surveillance &amp; data sharing</t>
  </si>
  <si>
    <t>Improve epidemiologic data collection at the national level &amp; provide more access to that data. Enhance programs such as wastewater surveillance (government) &amp; flutracking (citizen science) &amp; expand the concept to other illnesses (human &amp; animal).
There are already a multitude of surveillance systems in Australia but many are siloed and opaque or incomplete. The early days of the covid pandemic showed us that data collaboration provides opportunities for large scale health improvements (eg international vaccine efforts) and transparent data sharing at all levels can improve individual health (eg direct PCR results allow individuals to isolate quickly).</t>
  </si>
  <si>
    <t>Starting with schools &amp; healthcare &amp; citizen science apps, encourage reporting of both traditionally notifiable diseases and those considered less serious, along with signs &amp; symptoms. Infectious and noninfectious diseases. Allow secondary effects to be reported (eg parent taking day off work because child at home vomiting). Data in schools could easily include absences, illness &amp; environment (extreme temperature, pollen count, outdoor air quality, indoor air quality - all easy to monitor these days). Primary healthcare (includal pharmacy, dental, GPs) could choose to report patterns in attendance or purchasing or symptoms. Citizens have a wealth of information to share. Examples of good citizen apps include inaturalist, flutracking, snapsend share. Online forums are also full of people sharing information - class whatsapp group track illness but there is noone to report to - imagine if we reported the kids who are sick after school camp from multiple schools and find that the campsite has mould or poor food hygiene.</t>
  </si>
  <si>
    <t>Paid Voluntary Service</t>
  </si>
  <si>
    <t>Provide opportunities for people to contribute to the workforce &amp; economy outside of their usual contributions, building transferable skills and a network of people who can work together in times of crisis.
Optional voluntary service periods for all citizens aged 15-70
Range from 3m to 12m depending on area +/- ongoing commitment
Utilise existing volunteer service organisations
Paid as per standard centrelink benefits for unemployment + employer gets matched benefit &amp; does not detract from leave benefits</t>
  </si>
  <si>
    <t>Areas include - ADF, SES, Rural Fire, Surf Lifesaving, Lifeline, Red Cross etc - to cover defence, disaster, health &amp; provide broad skills from first aid, construction, cooking, logistics etc. Could also include farming, transport, healthcare, aged care, childcare etc
This type of service would benefit us in acute situations such as natural disaster rescue &amp; in the longer term such as building temporary accomodation during natural disaster clean up.
Provides a background network of people who understand how to work together to help others, and also provide skills to help themselves.</t>
  </si>
  <si>
    <t>Towards a Resilient and Productive Housing Industry.</t>
  </si>
  <si>
    <t>Sometimes called “nesting”, both psychological and anthropological study shows that the human behaviour of creating and maintaining a stable environment for family life is rewarding and builds better family and community.
Post WWII, sweat equity was the key ingredient to “nesting” and getting ahead; It allowed industrious people with little capital to improve their standard of living.  
Unfortunately, Australia has become an over-regulated and protective nation which now restricts how much a person can undertake.
The concepts shared below, provide a strong case for why sweat equity should be reconsidered as a viable approach to remove barriers to home ownership in Australia</t>
  </si>
  <si>
    <t>This proposal introduces a model where an independent person(s) can build / renovate their own home without the need to rely solely on tradespeople and ensure what they are building is safe and compliant.  It provides an opportunity to leverage the persons time and labour over capital to improve their skill and achieve something of significance.
Concepts:
-	The homeowner starts by completing a Certificate in Home Building.  This course (something akin to the cert IV in building and construction) provides the basis for building / renovating a house
-	With the course complete, the homeowner can be issued a homeowner building permit 
-	The permit allows the homeowner to construct and fit out a home; undertaking all aspects* of the build process (eg: framing, electrical, hvac, roofing etc)
-	Tradespeople in turn, will be able to become registered home build assessors in their particular speciality (eg: electrical, hvac etc).  They will sign off that the work is compliant
-	The assessors act as the “sign off” to that aspect of work completed by the homeowner – in a similar way to that of a building inspector does today
Benefits:
-	Provides a pathway for tradespeople looking to “slow down”, to leverage their significant knowledge and “give back” either as educators or assessors.  Help to reduce experience loss.
-	The certificates ensure that the requirements (for all parties) are clear and that a minimum standard is kept to reduce build quality issues.  It supports the ongoing value of TAFE’s and colleges 
-	Provides an opportunity for homeowners to get ahead without the need for large upfront capital and enjoy a sense of accomplishment and pride that comes from DIY.
-	Builds a construction model which is not solely dependent on tradespeople; allows for scale and builds resilience.  A model such as this would accelerate building.</t>
  </si>
  <si>
    <t>Utilise the Clinical Skills of Community Pharmacists whilst automating the dispensing process</t>
  </si>
  <si>
    <t>Community pharmacists are underutilised in the healthcare system. Productivity can be improved by:
1.	Having all prescriptions delivered as e-scripts. At the moment few specialists have invested in software that enables them to send e-scripts.
2.	Dispensing robots to dispense medicines efficiently and accurately – with pharmacist checking appropriateness of the medicine in the context of the person’s diagnoses
3.	Access to a complete Medical Record including pathology, medical records, medications – at the moment very few medical providers load to the MyHR
4.	Ability to load medication reviews and contemporary medicines list to the MyHR
5.	Pharmacists being paid appropriately to deliver more care including
a.	Medication review (including travel costs for home medicine reviews)
b.	Minor illness management
c.	Chronic disease management (after diagnosis and treatment prescribed by doctors)
d.	Screening for major illness
e.	Consultations for management of minor illnesses
f.	Nicotine or other drugs cessation programs
g.	Mental health support using the Initial Assessment and Referral Decision Support Tool 
h.	Healthy lifestyle and disease prevention advice – eg relaxation techniques, nutrition, alcohol and other drug support, connection with community services, exercise, sun protection, 
i.	Vaccination 
j.	Injecting (sub-cutaneous or intramuscular) prescribed medicines</t>
  </si>
  <si>
    <t>Community pharmacists are remunerated mainly for dispensing medicines. 
This process could be so much more efficient if firstly every prescription was electronic (very few specialists use electronic prescription software). And secondly if dispensing robots were used to select the drug, type and attach the label. The pharmacist is necessary however to assess the appropriateness of the medication, dose and dosage regimen in the context of the persons clinical and social condition and provide counselling about the medicine. If the dispensing process was more efficient the pharmacist could be utilised delivering much needed  primary healthcare at a lower cost than a GP
There is little financial incentive for pharmacists to deliver primary healthcare eg screening for major and minor illness, providing lifestyle advice, supporting people with mental health issues, delivering nicotine and other drug cessation services, advising people about other services that could improve their health and wellbeing eg exercise, relaxation, community programs to address loneliness.
The MyHealth Record is also poorly utilised and for most patients who have opted in the record is incomplete. This means it does not deliver the efficiencies it should. eg reduce duplication, improve patient safety</t>
  </si>
  <si>
    <t>Permanent teacher aide support for high school teachers and students</t>
  </si>
  <si>
    <t>To allow students an opportunity to learn in a classroom free of disruptions, to increase individual student  engagement and support teachers, I recommend each teacher has a buddy teacher aide present for all contact classes.</t>
  </si>
  <si>
    <t>A few years ago I completed a Graduate Diploma in Teaching (Senior Years). During this time I was exposed to the difficulties teachers face as they pitch classroom lessons to a variety of student abilities, behaviours and interest. Classroom behaviour management, even for experienced teachers, is a time consuming exercise. Poor behaviour from a few, frustrates the learning experience for engaged students and distracts from the lesson objectives. When a teacher aide was present I noticed a dramatic turn around in the engagement and productivity for all students. I observed that in the majority of instances, disruptive students responded positively to some one-on-one (or small group) engagement with the teacher or the teacher’s aide. They gained confidence from individual coaching and allowed the remainder of the class to continue without disruption. Other students with different ability or capabilities are also provided with vastly better learning outcomes either via support or extension activities when a second adult is present in the classroom.
Teacher aides are not particularly highly paid in their roles. They provide enormous value for the relatively low costs to retain them. The education system spends extraordinary amounts of money on various programs to support and improve education outcomes. Many of these tend to be related to the current pedagogical trend. By providing high school teachers with permanent classroom support we will see improved education outcomes for all students, provide additional jobs for working adults, and a cost effective, simple and tested approach to lift education standards for our young adults.  I believe the flow on effects for productivity in our community, both now and after students leave school and enter into further education or the workforce would become increasingly evident.
I’d</t>
  </si>
  <si>
    <t>Train managers to simplify processes and focus on impact</t>
  </si>
  <si>
    <t>Develop online training resources to help managers identify which part of their team's work generate impact, focus on the key deliverables associated with that, and manage stakeholder expectations in regard to the low impact services that will no longer be delivered. At the moment, only the managers operating in very low resource settings appear to be able to do this successfully. For many managers in large organisations, managing stakeholder expectations in that way would equate to "political suicide". We need to upskill the workforce and shift the culture to where the workers who deliver impact, and are good at managing stakeholder expectations, are the ones who get rewarded and are promoted through the management pipeline. Work with the Australian Institute of Company Directors to upskill Board directors to promote a culture of impact delivery in their companies.</t>
  </si>
  <si>
    <t>Offering, and mandating, priority setting training for managers, and using delivery of impact as a key criterion for rewards and promotions, would be powerful tools to establish a culture of productivity (across the APS and government in the first instance, then extended to industry). It would also have the side effect to improve the gender balance in senior leadership roles, given that often the people who deliver impact are women.</t>
  </si>
  <si>
    <t>Promoting National Productivity and Prosperity through Foreign Language Education and Tools</t>
  </si>
  <si>
    <t>Transforming the educational system so that Australian students become proficient in two foreign languages by the time they leave high-school. This requires commencing the study of these languages at primary school and continuing through until the end high-school. Suitable teachers could be drawn from Australia’s rich multicultural community, or via skilled migration.</t>
  </si>
  <si>
    <t>Language studies facilitate the intellectual growth of the student, develop personal discipline and create greater understanding of other nations and cultures. It produces a more rounded citizen with an international mindset.
For too long Australian industry (outside of raw materials and agriculture) has been relatively inward looking. If we are to grow in terms of economic complexity and productivity we need to develop a diverse range of industries at appropriate scales. This may require the development of export markets to achieve economies of scale and international competitiveness.
The learning of foreign languages offers a number of benefits which will help improve the economic complexity and productivity of Australia. The primary benefit is the development of a more international mindset and cultural awareness, which gives the individual greater confidence and likelihood of success in doing business in the global economy. This in turn can help to facilitate a more export-focused economy.  Greater cultural awareness, as a result of learning languages, also improves the understanding of Australian-born managers of their colleagues from overseas backgrounds. This not only improves workplace performance, but allows these colleagues to be used more effectively in support of business outcomes, in particular in relationship to a business seeking export opportunities.
The development of AI-driven translation tools, while not a substitute for actually learning a foreign language, but rather a complement, can be utilised to significantly improve the ability to work and collaborate internationally.</t>
  </si>
  <si>
    <t>Unlocking Australia’s Corporate Bond Market to Boost Business Investment and Growth</t>
  </si>
  <si>
    <t>A thriving retail corporate bond market can diversify business funding sources, reducing reliance on offshore debt and assist Australian businesses to fund growth initiatives and facilitate job creation. Removing regulatory barriers is key to unlocking the potential and to providing retail investor access to corporate bonds.</t>
  </si>
  <si>
    <t>Australia’s retail corporate bond market is underdeveloped, significantly limiting its potential contribution to fund business growth and capital diversification. Compared to international peers like New Zealand, where reform unlocked a vibrant retail bond market, Australia’s restrictive regulatory framework hampers retail corporate bond issuance, investment, and potential broader productivity gains.
The Problem: Australia’s corporate bond market faces regulatory barriers that limit its potential to drive productivity:
- Australian companies rely heavily on offshore wholesale debt markets, with ~60% of corporate bond issuance occurring internationally, exposing businesses to funding instability and currency risk.
- Issuance barriers include costly and complex disclosure requirements, inflexible bond redemption rules, and limited access to retail bond trustees and credit ratings, deterring companies from offering corporate bonds to the retail market.
- Retail investors, particularly retirees, have less access to quality fixed-income assets offering stable income and capital preservation.
- The opportunity cost is significant: businesses unable to access efficient funding channels may face higher borrowing costs, reducing their capacity to invest in innovation, workforce development and infrastructure.  
The Solution: Targeted reforms to streamline Australia’s corporate bond market will remove unnecessary regulatory barriers and foster participation by both issuers and investors.
1. Streamline Disclosure Requirements: Allow publicly listed companies to issue retail bonds using a simplified “cleansing notice” regime and transaction-specific term sheets. Bonds, generally being lower-risk than equities, warrant proportionate regulation. This reform mirrors New Zealand’s successful model.
2. Enable Early Redemption Flexibility: Allow issuers to redeem bonds early, similar to wholesale markets. This flexibility reduces refinancing risks and makes retail bonds more attractive for issuers.
3. Review Trustee Obligations: review settings to increase the availability of trustees to reduce issuance costs.
4. Enhance Retail Access to Credit Ratings: Address regulatory restrictions on credit rating agencies (CRAs) that currently limit retail investors’ access to trusted risk assessments.
Benefits to Productivity and Resilience:
- Broadened funding options empower businesses to invest, innovate, and respond dynamically to economic conditions. Lower reliance on offshore debt strengthens Australia’s financial stability, particularly during global market shocks.
- Retail investors will gain access to a low-volatility asset class offering stable income—critical for retirees and savers seeking diversified portfolios.
- With reduced capital costs, businesses can expand operations, hire more workers, and contribute to national productivity.
- A robust bond market aligns Australia with international peers like New Zealand and Europe, attracting domestic and foreign investment.
Evidence of Success:
New Zealand reformed its bond market in 2013, implementing a range of measures to remove barriers. As a result:
- Retail bond issuance grew to over NZ$50 billion, resulting in the listed bond market being one-third the size of its listed equity market.
- Issuance flexibility and simplified disclosure supported both businesses and investors, fostering economic growth.
With the right regulatory settings Australia is well-positioned to replicate this success.</t>
  </si>
  <si>
    <t>Cities to lead the net zero transformation and decarbonisation agenda</t>
  </si>
  <si>
    <t>Cities must turbocharge and lead the way on the net zero transformation and decarbonisation agenda across its governance and administration.</t>
  </si>
  <si>
    <t>With the expected doubling of population in our capital cities, cities need to take the lead on transforming into an urban green economy. Green economic benchmarks should be set cross cutting major urban economic activity generators. This will generate new jobs and help grow the green collar workforce and develop knowledge, skills and capabilities towards an accelerated transition.</t>
  </si>
  <si>
    <t>Promote Local Government Area distributional equity</t>
  </si>
  <si>
    <t>Set whole of LGA economic and land use diversification targets.</t>
  </si>
  <si>
    <t>Widespread latencies exist in major urban centres where there is a concentration of resources to service specific submarkets to the exclusion of others. Areas with latent productivity potential are left behind, widening participation gaps leaving a legacy of lost productivity. 
Improving visibility of economic and land use diversification targets across the whole LGA could boost distributional equity, and open up the untapped latent productivity potential of 'hidden' sub LGA economies.</t>
  </si>
  <si>
    <t>Build a competitive Australian Public Service workforce</t>
  </si>
  <si>
    <t>The APS needs to build itself into a more competitive and dynamic workforce, through diversifying its leadership and strengthening and streamlining its corporate service delivery capabilities.</t>
  </si>
  <si>
    <t>Improved government services delivery and resilience.</t>
  </si>
  <si>
    <t>Tackling ageism</t>
  </si>
  <si>
    <t>Australia has an ageism problem. Career longevity is shorter than New Zealand and South Korea. Tackling ageism is necessary to counter shortened careers due to age discrimination. With an growing ageing population, Australia needs to do more to ensure people lead longer, satisfying, fulfilling and productive careers.</t>
  </si>
  <si>
    <t>Reduced reliance on pension, improved job and workforce resilience.</t>
  </si>
  <si>
    <t>Reform real estate sector</t>
  </si>
  <si>
    <t>An productivity commission review into the real estate sector practices, including agency agreements, fees and commissions, to consider its role and contribution to the housing market affordability and supply side pressures.</t>
  </si>
  <si>
    <t>Non competitive practices including market manipulation and collusion amongst proprietors can lead to market distortion, including flow on impacts in size and aggregation of loans in the mortgages market. This can present as a disbenefit to smaller borrowers wishing to enter the mortgages market.</t>
  </si>
  <si>
    <t>Provide targeted training to boost the dynamic capabilities of Australian businesses.</t>
  </si>
  <si>
    <t>Building dynamic capabilities could be one of the most practical and effective ways of boosting our flagging.
Firms with stronger dynamic capabilities are more innovative, productive and profitable, enabling them to survive and thrive in uncertain environments. 
We should establish dynamic capabilities training for Australian businesses, similar to the Frontier Firms pilot program in NZ which showed promising results.</t>
  </si>
  <si>
    <t>There are two types of firm-level capabilities.
•	Ordinary capabilities are the basic skills needed to run a business in normal times. They are largely operational and focused on efficiency. Some estimates suggest that differences in ordinary management capabilities may explain p to half of the productivity gap between Australia and the United States.
•	Dynamic capabilities are more forward looking and strategic. In environments that are highly volatile, uncertain, complex and ambiguous, these capabilities help businesses to maximise their chances of long-run survival and success.
Firms with stronger dynamic capabilities are more resilient, productive and profitable, enabling them to support more innovative cultures. They can successfully navigate unexpected events with minimal disruption, rather than resorting to crisis management.
Firms with dynamic capabilities can:
•	Sense opportunities, threats, and customer needs;
•	Seize opportunities to satisfy customers, shape markets and capture value; and 
•	Transform themselves when renewal is needed.
CEDA, with the University of Technology Sydney (UTS) conducted the first broad survey of the dynamic capabilities of Australian businesses. We analysed the link between dynamic capabilities and innovation during the COVID-19 pandemic, a recent period of deep uncertainty.
We found that: 
•	Firms with stronger dynamic capabilities were more innovative in the first few months of the pandemic, setting them up for success as the pandemic wore on. The businesses with the strongest dynamic capabilities were more profitable and productive. They also performed better in terms of employee and customer outcomes.
•	Businesses in Australia are stronger at sensing than seizing opportunities, and few are really good at transforming or reinventing themselves. Business leaders are often reluctant to take assets and capabilities from an existing part of the business to grow a new part of the business, but ultimately this can be their downfall. Transforming requires managers to be bold and take smart risks to build competitive advantage.
•	Having slack and agility – people, time and money – is key to enabling dynamic capabilities. Businesses tell us that they are far too tied up in “business as usual” to build competencies and pursue longer term opportunities as they arise. This is particularly problematic for small businesses. 
•	Diversity is associated with stronger capabilities. Firms with stronger dynamic capabilities have more diverse boards. Gender diversity, functional diversity and international experience make boards more dynamic.
•	Businesses that are more open to feedback have stronger capabilities.
•	International business education programs show promising results. When dynamic capabilities programs were implemented in New Zealand and Singapore, participating firms expanded into new businesses, products and markets, adopted improved ways of working, and increased collaboration and transformation.
Embedding dynamic management capabilities education in existing programs would be a quick and cost-effective way of commencing dynamic capabilities education in Australia
You can read our research on dynamic capabilities here: 
•	Dynamic capabilities: How Australian firms can survive and thrive in uncertain times: https://www.ceda.com.au/researchandpolicies/research/economy/dynamic-capabilities-how-australian-firms-can-surv 
•	Boosting dynamism: What Australia can learn from other nations: https://www.ceda.com.au/researchandpolicies/research/economy/boosting-dynamism-what-australia-can-learn-from-other-nations</t>
  </si>
  <si>
    <t>Trees!</t>
  </si>
  <si>
    <t>In order to "Invest in cheaper, cleaner energy and the net zero transformation"...
Why aren’t we mandating tree planting for all building developments, both residential and commercial? And not just a token 2m foreign species, but big, beautiful trees that create glorious tree-lined streets to help reduce temperatures year-round.
Why aren’t we facilitating the widespread adoption of solar and battery technology to power all commercial buildings (as a starting point)?
Visiting industrial sites or residential developments like Marsden Park and Box Hill is baffling. The poor planning in these areas is staggering. We’re now left with these suboptimal outcomes, which harm not only the environment but also communities and society as a whole.</t>
  </si>
  <si>
    <t>As above.</t>
  </si>
  <si>
    <t>Inquiry into the fairness and integrity of employment agency practices in facilitating care sector recruitment</t>
  </si>
  <si>
    <t>Proposal for a federal inquiry into employment agency practices within the care sector to examine inflated cost structures, worker pay and conditions, and over-reliance on use of agency staff. The inquiry should examine fee structures, recruitment practices, worker entitlements such as leave and superannuation, and agency compliance with fair conditions. It would also explore strategies to reduce dependence on agencies by promoting direct employment practices across the sector.
Currently, many care sector providers rely on agencies to meet mandated staffing requirements, particularly in rural and regional areas. However, excessive employment agency placement fees for workers are placing an unsustainable financial burden on employers and delivering reduced benefits for workers. An inquiry would uncover any exploitative practices in play, promote transparency in worker pay relative to agency fees and lay the groundwork for stronger, more stable employment relationships.
With an estimated cost of $5 million over two years, this proposal represents a critical step towards building a sustainable care workforce. By addressing inefficiencies and inequities, the initiative will enhance workforce stability, improve care continuity and support financial sustainability in the care sector.</t>
  </si>
  <si>
    <t>Improving transparency and integrity of employment agency practices would significantly improve productivity and deliver positive outcomes for the care sector, its workers, and the broader community:
o	Maximising sector investment: By reducing dependence on third-party agencies, this proposal would ensure that funding allocated for the care sector remains within the sector itself. This, in turn, would enable critical resourcing to be maximised for better workforce development, service delivery and direct care improvements.
o	Cost reduction: Agency fees often inflate staffing costs, particularly in rural, regional and remote areas. Regulating these fees and encouraging direct hires would reduce financial strain on resource-constrained care sector providers, enabling more efficient use of resources.
o	Workforce stability: Promoting direct employment reduces turnover and fosters consistent staffing. Stable teams can build stronger relationships with clients, enhancing continuity and quality of care.
o	Fairer conditions for workers: The inquiry will expose unfair practices, ensuring workers receive appropriate pay, leave, and superannuation. This fosters job satisfaction and helps retain skilled employees in the sector.
o	Improved care quality: Stable, directly hired staff are better equipped to provide consistent and personalised care, improving outcomes for clients and their families.
o	Sector sustainability: By addressing the root causes of high turnover and financial inefficiency, the initiative helps build a resilient care workforce capable of meeting growing demand.
o	Community benefits: Ensuring fair practices benefits vulnerable populations by increasing the sector’s capacity to deliver high-quality, reliable care, especially in rural and regional areas.
Why this idea is critical: Evidence shows that agency staffing costs have doubled in recent years, placing unsustainable pressure on care providers. Many facilities report operating losses, compounded by the rising costs of meeting mandated staffing ratios. Without regulatory oversight, this trend threatens the viability of the care sector. A federal inquiry would highlight inefficiencies, recommend solutions to reduce reliance on agencies, and propose oversight mechanisms to ensure fair practices. This approach not only addresses immediate challenges but also supports long-term sustainability and equity in the care sector—representing a strategic investment in the wellbeing of workers, providers and the vulnerable Australians they support.</t>
  </si>
  <si>
    <t>Lifting Australians out of poverty: increasing working-age payment rates</t>
  </si>
  <si>
    <t>Proposal to immediately increase working-age payment rates, such as JobSeeker and Youth Allowance, to 90% of the Age Pension. 
This initiative builds on the recommendations and costings of the Economic Inclusion Advisory Committee, with the aim of providing a secure financial safety net for Australians in receipt of support payments, enabling them to afford necessities, live with dignity, and participate actively in the economy. Current base rates leave recipients far below the poverty line, struggling to cover essential expenses like housing, food, and healthcare. This contributes to heightened demand for emergency support services and perpetuates economic insecurity.
Increasing these payments and ensuring they are indexed adequately into the future to provide for rising inflation and living costs, would deliver dual benefits: immediate financial relief for disadvantaged Australians and long-term economic gains. At an estimated cost of $24 billion over the forward estimates, this proposal would represent a critical investment in the social and economic wellbeing of communities across Australia, ensuring those in need receive adequate support to thrive.</t>
  </si>
  <si>
    <t>Increasing working-age payment rates addresses critical issues of poverty, economic participation and social equity, yielding significant productivity and societal benefits:
o	Economic participation: Providing adequate financial support reduces barriers to employment, such as transportation costs or lack of access to stable housing, empowering recipients to focus on finding sustainable work or otherwise contributing to their communities and the economy and boosting overall productivity.
o	Reduced strain on services: Adequate payments lessen reliance on emergency community services, freeing resources for broader societal needs.
o	Alleviating poverty: Current payment rates fall well below the poverty line, leaving recipients unable to afford basic necessities. Raising these rates ensures Australians can live with dignity and stability.
o	Better health and wellbeing: Economic insecurity contributes to poor mental health, housing instability, and long-term social costs. Providing adequate financial support improves overall health and wellbeing for individuals and families.
o	Social equity: Aligning payments with the Age Pension fosters fairness in the welfare system, addressing inequities and supporting those most in need.
o	Global standards: International comparisons show that higher income support rates lead to better outcomes. Aligning Australia’s rates with global best practices strengthens economic participation and reduces inequality.
Why this idea is critical: Rising living costs, particularly housing expenses, have exacerbated financial challenges for low-income Australians. Current payment levels are not adequate to meet basic needs, forcing many to seek emergency support. This not only affects individual recipients but also places strain on charitable organisations and broader government services. By increasing payments, the issue of immediate financial pressure is addressed, while fostering long-term economic resilience. This proposal represents a transformative shift in Australia’s approach to income support, ensuring it meets the basic needs of those relying on these payments. The proposed increase empowers recipients to escape poverty, contributes to economic growth through local spending, and aligns Australia’s welfare system with global best practices. By addressing systemic inequities, this initiative builds a stronger, more inclusive economy and society, enabling all Australians, and ultimately, our economy, to thrive.</t>
  </si>
  <si>
    <t>Future-proofing the care and support system: the case for standardised grant indexation and adequacy of support funding</t>
  </si>
  <si>
    <t>Proposal to implement standardised and robust grant indexation across all Commonwealth-funded programs to ensure funding keeps pace with inflation and rising operational costs in the care and support sector.
This proposal addresses a critical gap in current funding models where stagnant and inconsistently indexed grants are failing to meet the rising demands of care providers. With increasing wage, utility and infrastructure costs, many care organisations are struggling to deliver essential services at the scale required to meet community needs. Proper indexation ensures that grants retain their real value, enabling providers to focus on delivering quality services rather than dealing with funding shortfalls.
The concept is simple but transformative: by applying fair, consistent and automatic indexation, care providers will be empowered to manage increased demand, retain skilled staff and ensure the provision of high quality support to individuals and communities. At an estimated cost of $375 million annually (assuming total Commonwealth grant expenditure of around $15 billion, and application of a 2.5% annual indexation rate in line with CPI), the proposal would ensure sustainable service delivery and strengthen the capacity of care and support providers to deliver holistic care when and where it is needed most.</t>
  </si>
  <si>
    <t>Standardised grant indexation has the potential to significantly enhance the productivity and resilience of Australia’s care and support sector and the broader economy:
o	Predictable funding: Indexation ensures grants grow with inflation, giving providers the financial certainty to allocate resources efficiently and plan for long-term service delivery.
o	Staff retention: Competitive wages enabled by indexed funding will reduce turnover, boost morale and attract skilled workers to the sector, minimising disruptions caused by workforce shortages.
o	Operational continuity: Stable funding will prevent interruptions in service delivery, helping providers maintain consistent support for communities.
o	Improved service delivery: Adequate funding supports the provision of high-quality, reliable care, fostering better outcomes for individuals and families.
o	Economic efficiency: By keeping care providers adequately funded, costly reliance on downstream interventions in healthcare, housing and justice systems is reduced, saving government resources in the long term.
o	A stronger care economy: Supporting the financial stability of care organisations strengthens the broader care economy, creating jobs and reducing economic strain on communities.
o	Enhanced community wellbeing: Vulnerable populations, including children, people with disabilities, First People and individuals from culturally diverse backgrounds, will have greater access to consistent and comprehensive support.
Why this idea is critical: With inflation driving up the costs of care provision and the affordability crisis increasing demand for services, the need for well-resourced care providers has never been greater. Under-indexed grants hinder the ability of providers to meet these challenges, causing ripple effects across other systems, including health and justice. Standardised indexation would address these inefficiencies, ensuring the care sector is prepared to support Australians now and into the future. It represents a vital investment in Australia’s social and economic wellbeing, setting the foundation for a more equitable and sustainable care system. This approach empowers care providers, strengthens communities, and builds resilience to meet future challenges.</t>
  </si>
  <si>
    <t>Reduce the administrative burden of tourism licensing and accreditation</t>
  </si>
  <si>
    <t>Nationalising, or at least aligning, state-based tourism licensing and national accreditation approaches will reduce the administrative and cost burdens on tour operators - many of whom are small to medium enterprises - as well as the administration undertaken by state governments and industry peak bodies.</t>
  </si>
  <si>
    <t>State-based tourism licensing regimes all seek the same or similar assurance outcomes but all states approach licensing differently, require similar but different information as well as taking varying time to issue licenses, and all require substantial initial and annual fees to be paid. Additionally, the Australian Tourism Industry Council offers national accreditation but each state requires payment to attain recognition - and a licensing discount - in the relevant state. Where there is a licensing discount for accredited operators, the licensing discount is significantly less than the state accreditation fee payable, reducing the attractiveness of accreditation and industry assurance benefits as a result. State arrangements are geared towards tourism that operate in one state only, disadvantaging tour operators that cross state boundaries. As an example, one of our Simpson Desert Crossing tours routes goes through Queensland, South Australia and the Northern Territory, with three licenses required for one tour. We travel only 60km in Queensland without stopping but under Queensland's rules, must pay a $700 in annual licensing fees plus use fees to briefly pass through a National Park. The resulting costs and administrative overheads for operators are prohibitive and should be nationalised or aligned through mutual recognition measures. This would also alleviate the administrative burden on state government licensing entities.</t>
  </si>
  <si>
    <t>Less rigid occupational licensing</t>
  </si>
  <si>
    <t>Australia’s rigid occupational licensing is preventing more Australians moving for jobs suited to their skills. 
Australia could gain up to $5 billion each year from reform to match the best-performing countries in this area, going beyond recent reform efforts focused on mutual recognition. 
CEDA recommends (1) standardising licensing requirements nationally; (2) reviewing licensing and regulation; and (3) reducing occupational licensing and shifting regulation to quality standards where necessary.</t>
  </si>
  <si>
    <t>Occupational licensing sets out the legal requirements to practice an occupation such as teaching, or being a plumber or an electrician, restricting entry for people who have gained skills through alternate routes or in other jurisdictions.
In a submission to the Federal Government’s Employment White Paper, CEDA finds that occupational licensing is widespread in Australia, with around one in five people in jobs with registration requirements. 
Despite a range of mechanisms for developing  and recognising skills, mismatches between skills and job requirements have historically been more common in Australia than in other developed countries.
Not fully recognising existing skills exacerbates skills shortages, which are set to continue as the Australian economy confronts digital transformation, the energy transition and an ageing population. Occupational licensing is particularly costly for migrants, who often face substantial delays and costs to have international experience and qualifications recognised. It can be a barrier to updating training in areas of rapid technological development, such as new clean energy or modular building technologies.
Occupational licensing is widespread in Australia, covering around one in five employees. The stringency of occupational licensing on personal services in NSW and Queensland is comparable with the most restrictive European countries. 
Reducing the coverage and stringency of occupational licensing to match the least-restrictive licensing among OECD countries (in Sweden) could deliver lower prices, more labour mobility and up to $5 billion in benefits from higher productivity.
Occupational licensing can be important to underpin safety, so there is a need to carefully review the tradeoffs from streamlining licensing on a case-by-case basis. In many cases, there are better ways to protect consumers, such as quality standards for the goods and services provided rather than the qualifications held by the professionals providing them. Better access to information to compare the quality of services from different providers (via digital platforms) can also help protect consumers. 
CEDA makes three recommendations to streamline occupational licensing:
1.	Extend the Automatic Mutual Recognition of Occupational Registration scheme introduced in 2021 to all states. Reduce exclusions and take steps to remove requirements in occupations not subject to restrictions in other states. 
2.	Review licensing regulations considering whether they meet stated objectives, international experience and recent technological developments such as online reviews that allow consumers to assess quality more easily.
3.	Reduce licensing and shift regulation where necessary towards quality standards for goods and services within consumer law.
At a time when we need to be addressing skills shortages and lifting lacklustre productivity growth to drive a stronger economy and wages, Australia must break down entrenched barriers to the jobs market. 
Recent joint research by the RBA and NSW Treasury has also found that in most occupations occupational entry regulations are more stringent in Australia compared to the least stringent OECD countries. More stringent occupational entry regulations are associated with lower business entry and exit rates, and a slower flow of workers from less to more productive firms, both of which may have negative implications for productivity. 
For further details, please see:
CEDA analysis: https://www.ceda.com.au/researchandpolicies/research/workforce-skills/employment-white-paper-submission; https://www.ceda.com.au/researchandpolicies/research/population/making-better-use-of-migrants-skills; https://www.ceda.com.au/researchandpolicies/research/energy/powering-the-transition. 
RBA/NSW Treasury analysis: https://www.rba.gov.au/publications/rdp/2024/2024-06.html</t>
  </si>
  <si>
    <t>Reform senior high school.</t>
  </si>
  <si>
    <t>Bring back the school certificate and only allow students to complete the HSC who achieve at 45- 50 percent average at the end of year 10. Many students who complete the HSC are unfit because they are only attending school to delay adulthood and the responsibilities it entails. They don't have the emotional capabilities to do the HSC at that young age when they are essentially told is the only time to do it. This drains resources on the education system and stops the students who want to learn from thriving.</t>
  </si>
  <si>
    <t>Students who are disengaged from learning should be encouraged in year 10 into trades of their choice and /or industries which require skilled workers such as construction, hospitality, child care, aged care and the armed forces. These industries would attain workers and the school system would not be burdened by unproductive students who misbehave in class and suck up senior teacher's time and energy which should be available to students who actually want to learn. The school system and it's focus on encouraging opportunities for all children is actually counterintuitive. By enabling senior education for everyone has meant that those who want to learn are disadvantaged and must suffer negative learning outcomes so no student gets left out. 
Disengaged students reduce productivity firstly to themselves and the other students in the class. They constantly talk over and interrupt the teacher, don't complete classwork or assessment tasks, become combative or engage in teacher harrassment  when their behaviour is called out. Teachers spend large amounts of unpaid time either e-mailing parents, filling out forms of consulting with parents ove rthe phone. There is no telehealth fee available to teachers. All this is expected for free. Over time an entire schools reputation can be tarnished by low HSC results. This entrenches disadvantage in schools where many students are disengaged and also affects real estate prices over time. 
In order to make senior high school provide the learning opportunities it should students who do want to continue after year 10 should have to repeat up to 2 years to provide the chance to enter senior school. This in turn would improve discipline issues in junior classes that teachers and engaged students face because students would know at the outset that if they don't make the required effort/ meet the minimum standards they will need to choose a trade and leave school at the end of year 10. 
Sometimes young people lack the maturity or life's problem's don't allow them to engage with schoolwork. Rather than allow them to stay and disadvantage other students to be fair they should be provided a pathway to do their HSC at TAFE when they are a bit older. Completing the HSC would have greater impact for themselves when they are actually emotionally ready to engage in the vigorous study required. Many adolescents are not emotionally ready to do the HSC at age 16. There needs to clear well known pathway for older people to do their HSC is they desire it later on. Why keep the student in a state of limbo at school when they could be learning useful skills at TAFE that will employ them in the marketplace. If entering senior high school would have some obstacles, and discipline in junior grades would decrease as a result, it may also deter teachers leaving the profession. As demonstrated above student disengagement and the associated discipline issues hamper productivity in am multitude of ways.</t>
  </si>
  <si>
    <t>Boost work-related training in Australia</t>
  </si>
  <si>
    <t>To address stagnant productivity growth and increase the resilience and agility of Australia's labour force, we should boost declining levels of work-related training. This refers to structured learning that people do as part of their job to increase their skills and effectiveness at work.</t>
  </si>
  <si>
    <t>Despite structural shifts like the energy transition, artificial intelligence and an ageing population, analysis of HILDA data shows that people are doing less work-related training than ever, with overall participation down 14 per cent since 2007. Hours spent in training have also declined by 17 per cent over the same period. Between 2007 and 2022, only two of 19 industries saw increases in training participation, with the majority of other industries demonstrating double-digit declines. 
Analysis shows that work-related training is associated with incomes that are around 20% higher the year after commencing training – a strong signal of the productivity-enhancing value that training can offer both workers and organisations. Training is also associated with greater levels of satisfaction, staff retention, and promotions at work. 
Organisations should do more to boost training. But governments can (and must) also play a role. Transparent and consistent accreditation of work-related training should be developed at the federal level, beginning with formal micro-credentials developed in collaboration with education providers. This data should be incorporated into the National Skills Passport currently under consideration. Robust support for accreditation can support portability and transferability of skills between roles and avoid the cost and inconvenience of training duplication. 
Also critical is reversing declining literacy and numeracy skills among school students. Higher levels of education are associated with training participation, as are numeracy and literacy skills – those with above average reading skills were around twice as likely to participate in training as individuals who report below-average skills. Governments must ensure that all school students can meet the minimum standards necessary to enable learning later in life. This will require work at both the federal and state/territory level.</t>
  </si>
  <si>
    <t>Repurposing Industrial Sites for Renewable Energy in Australia</t>
  </si>
  <si>
    <t>Repurposing industrial sites in Australia for renewable energy projects, specifically Battery Energy Storage Systems (BESS) and solar installations, using existing grid infrastructure, offers several advantages:
Site Selection: Industrial sites in proximity to transmission networks and grid infrastructure are ideal. These sites often have large open spaces and established access to power lines, reducing the need for additional infrastructure.
Solar Integration: With Australia's high solar irradiance, industrial sites can be transformed into large-scale solar farms. Rooftop installations or ground-mounted systems can be deployed depending on site characteristics.
BESS Deployment: Battery Energy Storage Systems (BESS) can be integrated to store excess solar energy generated during the day. This stored energy can then be discharged during periods of high demand or low solar output, improving grid stability and enabling renewable energy to be used more effectively.
Grid Utilisation: By tapping into existing grid infrastructure, these projects minimize the need for new transmission lines, reducing both capital costs and project timelines. The integration of BESS also supports grid stability and addresses intermittency challenges associated with renewable energy.
Environmental and Economic Benefits: Repurposing industrial sites for renewable energy enhances sustainability, reduces carbon emissions, and supports Australia's renewable energy transition. It can also create local jobs and stimulate economic activity in regional areas.
This model aligns with Australia’s renewable energy targets and offers a practical solution to enhance grid reliability and sustainability.</t>
  </si>
  <si>
    <t>Follow Me long Service Leave</t>
  </si>
  <si>
    <t>Employers pay long service leave into an account like a super account that follows the employee between employers.</t>
  </si>
  <si>
    <t>Adaptive Super Contributions</t>
  </si>
  <si>
    <t>Depending on the state of the economy leverage the compulsory super contributions to control disposable income. I.e in periods of high inflation etc increase the compulsory super contributions level - thus more money is contributed to super. When increased spending is require the compulsory super contributions is reduced. Noting you would need a based level that it resets to (i.e. the current legislated amount)</t>
  </si>
  <si>
    <t>Improved Indoor Environmental Quality leading to increased productivity</t>
  </si>
  <si>
    <t>It is well known that typical western societies spend up to 90% of their time within indoor environments be it workplaces, homes, automobiles and more. Given that the indoor environment is a significant impact on productivity, more work should be done to drive improvements to increase IEQ and subsequently productivity.</t>
  </si>
  <si>
    <t>Benefits are multi-faceted, these include but are not limited to decreases in sick leave / absenteeism but also increased cognitive function and productivity amongst other areas. Creating better environments helps create a more resilient economy, and an improved workforce, but its benefits could also be realized within education and a range of other areas.</t>
  </si>
  <si>
    <t>Better (safer) indoor air</t>
  </si>
  <si>
    <t>The scientific consensus is that indoor air quality would improve health, increase accessibility and - most relevant to your remit - increase productivity.  The Harvard School of Public Health established this beyond any doubt across locations and cultures.   Prof Morawska (QUT) is a world expert.  We should act.  See further 
https://www.science.org/doi/10.1126/science.adp2241 
https://www.thelancet.com/journals/lancet/article/PIIS0140-6736(22)01585-9/fulltext</t>
  </si>
  <si>
    <t>People are more productive and take less sick leave when indoor air is cleaner.
https://www.mdpi.com/1660-4601/12/11/14709
https://healthybuildings.hsph.harvard.edu/research/indoor-air-quality/cogfx/
https://www.loe.org/shows/segments.html?programID=20-P13-00032&amp;segmentID=6</t>
  </si>
  <si>
    <t>Clean indoor air</t>
  </si>
  <si>
    <t>Install HEPA filters in indoor spaces to clean the air. HEPA filters remove pathogens from the air including COVID-19, and the flu, both of which are airborne.</t>
  </si>
  <si>
    <t>Cleaning the air allows people like me who are immune compromised to access indoor spaces. I haven’t been able to work for several years due to chemo and long covid affecting my immune system. Cleaning the air would allow me to return to the workforce.</t>
  </si>
  <si>
    <t>Improving indoor air quality to increase productivity and reduce sickness costs</t>
  </si>
  <si>
    <t>Investing in improved indoor air quality (IAQ) delivers significant financial and social benefits. Enhanced IAQ boosts productivity, cognitive performance, and employee satisfaction while reducing costs and supporting health and climate goals. Better ventilation has been shown to improve cognitive functioning and attentiveness in both workers and students. Conversely, poor IAQ is linked to health risks, including the spread of airborne pathogens like viruses, which disproportionately affect high-risk populations.
Addressing IAQ is critical for mitigating the economic and health impacts of conditions like long COVID, which affects at least 10% of COVID cases globally and has an annual economic impact of $1 trillion. In Australia, long COVID cost nearly $10 billion in 2022 alone. Preliminary analysis from The Safer Air Project estimates that improving IAQ could save $24–50 billion between 2022 and 2024, with a benefit-to-cost ratio exceeding 1.0.</t>
  </si>
  <si>
    <t>Governments and businesses that invest in improving indoor air quality (IAQ) can achieve significant financial returns through increased productivity, enhanced cognitive functioning, and reduced costs.1,2 They can also generate a social return on investment by fostering increased accessibility and inclusion.
Improving IAQ offers numerous benefits for businesses, including improved employee satisfaction, creativity, safety, and presence. These factors collectively boost productivity while aligning with health and climate goals.3,4 Studies consistently show that workers and students in well-ventilated spaces are healthier and more productive than those in poorly ventilated environments.5–7 For example, U.S. research demonstrated that better ventilation significantly improves office workers' cognitive performance.8 Conversely, cognitive scores declined when CO2 concentrations rose to levels common indoors (around 950 ppm). Similarly, students were calmer and more attentive in well-ventilated classrooms.9
Improving IAQ is also particularly vital for reducing healthcare impacts and associated costs because airborne pathogens, including viruses, spread primarily indoors where ventilation is inadequate. This disproportionately affects individuals with high-risk conditions. Recognising that many viruses are airborne and transmitted primarily indoors where spaces are inadequately or inappropriately ventilated, and that they cause disproportionate harm to people living with high-risk conditions, underscores the vital need to prioritise accessible IAQ in all public spaces. Improving IAQ will address the risks associated with airborne pathogens and reduce the poor health outcomes that arise from other airborne pollutants. 
This is important to prevent the growing burden from long COVID, which occurs in at least 10% of COVID infections.12–14 Global incidence is estimated at 400 million cases, with an annual economic impact of approximately $1 trillion—around 1% of the global economy.15 In Australia alone, long COVID cost the Australian economy almost $10 billion, in 2022, due to declining labour supply and reduction in other production factors.14 New estimates for 2022, which include both COVID and long COVID, indicate a 1.9% reduction in labour supply, equating to a $20 billion loss in labour value-added alone, or roughly a $39 billion reduction in gross domestic product (GDP), assuming a proportional decrease in other factors.16,17 Even a small percentage of COVID cases progressing to long COVID has substantial health and economic effects,16 and preventing the transmission of COVID, and other viruses, can substantially protect the health and productivity of the community.
A preliminary analysis for The Safer Air Project's November 2024 report, Safer shared air: a critical accessibility and inclusion issue, demonstrates a strong return on investment for improved IAQ. By reducing sickness and avoiding COVID-19 and long COVID cases, the analysis estimates benefits of $24–50 billion over 2022–2024, with a benefit-to-cost ratio (BCR) between 1.5 and 3.1. While uncertainties remain regarding precise costs and benefits, there is high confidence that Australia's BCR exceeds 1.0—indicating that the benefits of improved IAQ far outweigh the costs.
The economic gains from improved IAQ far outweigh the costs. Enhanced ventilation increases worker productivity by an estimated $6,500 (USD) per person annually, with energy costs as low as $40—or $1 using energy-efficient systems.10 Research estimated that improved U.S. workplace air quality in 1997 would have saved $6–19 billion from fewer respiratory diseases, $1–4 billion from fewer allergies and asthma, $10–20 billion from reduced sick building syndrome, and $12–125 billion through increased productivity.11
Improving IAQ for accessibility and reducing the risk of airborne infection in shared indoor environments, with a focus on people living with high-risk conditions, makes indoor air safer, healthier and more productive for everyone.</t>
  </si>
  <si>
    <t>Change incentives to invest in unproductive financial capital</t>
  </si>
  <si>
    <t>The key drivers for increasing productivity are capital bettering and deepening. The capital to labour ratio in Australia has decreased significantly in recent years and innovation is becoming more difficult to achieve. Enormous amounts of capital are locked into unproductive financial assets and markets that do not contribute to the real economy. Increasing taxes on capital gains on secondary financial markets and restricting the ability for firms to buy back stocks could incentivise investment into productive capital deepening and improvements.</t>
  </si>
  <si>
    <t>The unimaginable growth in the size of the financial economy has completely dwarfed the real economy. Capital used to purchase financial assets on secondary markets or for stock buybacks does not directly increase the stock of productive capital, and large amounts of capital never make an impact on real output because they never stop circulating through the financial economy. This represents a significant opportunity cost, as this capital could be invested into productive assets (physical capital, new technology, research etc.) to increase output whilst keeping hours worked the same.</t>
  </si>
  <si>
    <t>Clarity of corporate information to drive efficiency</t>
  </si>
  <si>
    <t>The creation of a National Trust Register and modernisation of the ASIC Business Registers is essential to fuelling productivity in the economy by enabling the efficient provision of credit. These initiatives would enhance transparency and standardise information on trading trusts and corporate entities, simplifying credit applications, reducing costs, and improving clarity for stakeholders. By reducing barriers to credit business, especially small business, will have efficient access to the credit needed to drive innovation, economic growth and fair competition.</t>
  </si>
  <si>
    <t>Trading with trusts, especially those with corporate trustees, is one of the most complex aspects of credit management, exposing credit providers to unnecessary risk and creating barriers to accessing credit. Trust structures lack the transparency and standardisation needed for efficient operations, while outdated ASIC business registers further hinder credit processes. These inefficiencies create challenges in credit applications, contracting, and insolvency, leading to additional costs for credit providers and small businesses. To address this, we propose two initiatives: a National Trust Register and modernisation of the ASIC Business Registers. Together, these reforms would enhance transparency, reduce inefficiencies, and improve access to credit.
National Trust Register:
A National Trust Register would centralise critical information on trading trusts, including details of trustees, beneficiaries, and trust deeds. Requiring trusts to register this information would create a reliable source of truth, streamlining credit assessments and ensuring fairness in business transactions.
1. Clarity in Contracting:
Business owners often provide incomplete or incorrect trust details, delaying credit applications. A National Trust Register would provide verified information, reducing errors and saving significant legal and administrative costs.
2. Mitigating Risks:
Without a trust register, changes to trust structures can disadvantage creditors. A register would ensure transparency and reduce reliance on additional security measures, levelling the playing field for businesses seeking credit.
3. Simplified Insolvency Processes:
Trust insolvencies are complex and costly. Aligning the treatment of insolvent trusts with corporate entities, supported by a trust register, would lower costs and improve outcomes for creditors and businesses.
Modernisation of ASIC Business Registers:
ASIC’s business registers contain data on millions of companies and business names but lack efficiency and integration. For example, the failure to fully incorporate the DirectorID limits fraud prevention and identity verification. Modernisation is essential to improve data accuracy and accessibility.
1. Improved Data Integrity:
Modernisation would ensure accurate and verified information, including director identities and historical records, reducing fraud risks.
2. Enhanced Access:
Integrating data from multiple sources, such as the Australian Business Registry Service, would create a single access point for stakeholders, simplifying credit risk assessments.
3. Supporting Responsible Lending:
Accurate company data would enable credit providers to assess businesses more effectively, supporting fairer lending practices and reducing over-indebtedness.
Combined Impact:
The National Trust Register and modernised ASIC Business Registers would:
- Provide clarity and transparency for trusts and corporate entities.
- Simplify credit processes, reducing costs and delays.
- Enable small businesses to access credit more efficiently.
- Support economic growth through better-informed lending and contracting.
In conclusion, these reforms would resolve inefficiencies in credit management, fostering a more equitable and productive economy. By enhancing transparency and reducing barriers to credit, they would deliver significant benefits to small businesses, credit providers, and the broader economy.</t>
  </si>
  <si>
    <t>Boosting Productivity in Construction and Facilities Management with Digital Twin Technology</t>
  </si>
  <si>
    <t>The construction and facilities management sectors are pivotal to the Australian economy. Leveraging advanced digital technologies, such as the Digital Twin, can significantly enhance productivity in these areas. This consultation explores how Digital Twin technology can drive efficiency and innovation in construction and facilities management.</t>
  </si>
  <si>
    <t>Digital Twin technology, based on Building Information Modeling (BIM), creates, maintains, and visualizes digital replicas of buildings and infrastructure. This digital representation enables seamless integration of design and construction data throughout the project lifecycle. By harnessing this technology, construction projects can benefit from enhanced collaboration, improved planning and design, streamlined construction processes, and data-driven decision making. Digital twins facilitate real-time collaboration among architects, engineers, and contractors, ensuring that all stakeholders have access to up-to-date information, reducing errors and rework. The ability to simulate and analyze different design scenarios helps in optimizing building performance and identifying potential issues before construction begins, leading to more efficient use of resources and time. Digital twins enable precise planning and scheduling, ensuring that materials and labor are used efficiently, reducing delays and cost overruns, and leading to faster project completion. Continuous monitoring and analysis of construction data through digital twins provide insights that can improve decision-making, helping to identify bottlenecks and implement corrective measures promptly.
For facilities managers, Digital Twin technology offers a comprehensive solution to enhance operational efficiency and building performance. Digital twins provide real-time data on building systems and equipment, enabling predictive maintenance, reducing downtime, and extending the lifespan of assets. By continuously monitoring energy consumption and environmental conditions, digital twins help in optimizing HVAC systems and other energy-intensive operations, leading to significant cost savings and sustainability improvements. Real-time data on indoor air quality, temperature, and occupancy levels allow facilities managers to create a comfortable and healthy environment for occupants, improving productivity and satisfaction among building users. Digital twins offer a detailed view of all building assets, facilitating efficient management and tracking, ensuring that facilities managers can make informed decisions about repairs, replacements, and upgrades.
Conclusion: Digital Twin technology represents a transformative approach to enhancing productivity in construction and facilities management. By leveraging digital twins, stakeholders can achieve greater efficiency, cost savings, and improved outcomes. Embracing these innovative solutions will drive the digital transformation of the built environment, contributing to a more productive and sustainable future for Australia.</t>
  </si>
  <si>
    <t>Investing in the CSIRO to Build Australia as a Global Tech Hub</t>
  </si>
  <si>
    <t>Investing in the CSIRO which has proven results as an innovator will help cement Australia as a global tech hub.</t>
  </si>
  <si>
    <t>Our competitive advantage lies in our educated workforce and cheap renewable-energy potential. Unlike mining and manufacturing which relies on costly shipping for exports, the tech industry doesn't necessarily penalise us for our relative geographic isolation. Low-interest government loans should be provided to businesses partnering with the CSIRO to enable success. Partnering with a trusted organisation like the CSIRO improves transparency and ensures tax-payer money is spent wisely.</t>
  </si>
  <si>
    <t>Enhancing Indoor Air Quality through AI-Driven Digital Solutions for a Healthier Australia</t>
  </si>
  <si>
    <t>Harnessing data and digital technology offers comprehensive solutions to optimize indoor air quality, directly impacting productivity across various sectors. By adopting these innovative ideas, Australia can enhance health outcomes and economic performance, creating healthier and more efficient environments for all.</t>
  </si>
  <si>
    <t>Indoor air quality (IAQ) is crucial for health, well-being, and productivity. By harnessing data and digital technology, we can significantly enhance IAQ across various sectors of the Australian economy, including healthcare, education, office environments, retail, and manufacturing. Advanced multi-sensors continuously monitor air quality parameters such as CO2, humidity, and particulate matter. An AI-based application analyzes this data in real-time, optimizing HVAC systems to ensure ideal conditions. A digital platform provides real-time data and trend analysis, creating transparency and enabling proactive maintenance.
In healthcare facilities, this approach leads to healthier environments, reducing patient recovery times and enhancing staff efficiency. In educational institutions, good IAQ is linked to better student performance and reduced absenteeism. Multi-sensors provide real-time monitoring of classroom air quality, while an AI-based application adjusts HVAC systems to maintain optimal learning conditions. The digital platform tracks trends and provides insights for facility managers, enabling data-driven decisions that result in improved cognitive function and academic outcomes.
For office spaces, enhancing IAQ can significantly boost employee well-being and productivity. Multi-sensors detect pollutants and CO2 levels, while an AI-based application dynamically adjusts ventilation to maintain optimal air quality. The digital platform offers transparency, allowing employers to monitor and improve workplace conditions. These features reduce sick building syndrome and increase overall workplace satisfaction and efficiency, leading to a more productive workforce.
Retail environments benefit from improved IAQ through increased customer comfort and longer dwell times. Multi-sensors ensure clean and fresh air by monitoring and controlling air quality. An AI-based application optimizes HVAC systems to maintain a pleasant shopping environment, while the digital platform provides data on air quality trends. Employees also benefit from a healthier work environment, leading to better service quality and potentially boosting sales.
In manufacturing, maintaining high IAQ is essential for both worker health and product quality. Multi-sensors monitor airborne pollutants and humidity levels, while an AI-based application optimizes HVAC systems to mitigate contaminants and control humidity. The digital platform tracks IAQ trends, providing transparency and enabling timely interventions. This approach leads to fewer health-related absences and higher production efficiency, ensuring a safe and productive workspace.</t>
  </si>
  <si>
    <t>Tax incentives for worker-owned businesses</t>
  </si>
  <si>
    <t>Lower company tax, and small tax-free amounts on bonuses for worker-owned businesses such as worker co-operatives.</t>
  </si>
  <si>
    <t>There is little incentive for employees to work hard when the benefits largely go to shareholders and business-owners. Furthermore, these types of businesses often use "performance reviews" to suppress wage increases, rather than rewarding high performers. It's not unusual for these companies to move the goal posts throughout the year, meaning that you can't be certain that your hard work will be rewarded. Why would any rational worker do more than the bare minimum in this scenario? It leads to the behaviour of "quiet-quitting" by employees. When workers can be certain their work will be rewarded, they actively participate and work hard, thus improving productivity..</t>
  </si>
  <si>
    <t>Master Electricians Australia proposals</t>
  </si>
  <si>
    <t>(1) Increase exposure of electrotechnology careers to girls via ATAR-scaled senior school subject with focus on renewable power generation with automatic recognition of initial 'block 1A' subjects of the cert III
(2) include home batteries &amp; EV chargers in SRES with credits 
(3) electricians to be able to do a mini home energy efficiency audit with recommendations to improve energy usage without needing the full cert IV to be an energy assessor - focus on more efficient electricity usage 
(4) Requirement for all 'standard' contracts (inc subcontracts) to have any changes easily identifiable or those changes are void 
(5) FEG-like scheme for subcontractor non-payment following builder insolvency</t>
  </si>
  <si>
    <t>(1) A high school subject ('electrotechnology') focused on renewable energy with maths &amp; science components could be a scaled ATAR subject of interest to many school students. If the subject also included the content of 'block 1A' of the Cert III (if teachers did those subjects to then teach them, with use of workshops &amp; boards etc), this could encourage more students and more girls to do their cert III &amp; would take the pressure off trainers in VET &amp; timing of students getting in to the block 1A and be more attractive apprentice candidates to businesses. The cert II pathway should still exist &amp; be supported, this pathway is additional, for students who don't see themselves as taking a 'VET pathway' at the time. This proposal would not reduce the working hours required to complete an apprenticeship.  
(2) Increase incentives for households with solar to also have BESS &amp; EV - using the solar during the day and more resilient energy for those households meaning less reliance on large transmission
(3) Electricians could do a short course and be accredited to do mini energy audits for households to overcome the shortage of energy assessors - reduced electricity usage is key. Having accreditation gives integrity to the proposal - if an electrician promotes a bad outcome for self-benefit they could lose their accreditation. 
(4) If changes to 'standard' contracts (not restricted to AS but any standard form) are clearly identifiable this will reduce costs in tendering and costs in disputes.
(5) Subcontractor non-payment for work done can lead to business closure, non-payment of suppliers etc. Payment relief (subject to reasonable limitations) would have the added benefit of ASIC ability to pursue individual directors for payments from the scheme where appropriate, reducing phoenixing</t>
  </si>
  <si>
    <t>Improving the quality of management</t>
  </si>
  <si>
    <t>Effective and ineffective management decisions (in the private, public and community sector) have huge flow-on effects for productivity. It's just anecdotal, but the incidence of poor management decisions seems to have increased in recent years, and may well be having a statistically significant impact on productivity growth (by holding it back). Too often, policy treats managers as rationally-optimising gods, but in reality they're humans like the rest of us, and subject to the same range of limitations.</t>
  </si>
  <si>
    <t>Improving the skills of Australia's managers could yield huge benefits for Australia's economy. Incentivising training in all areas (functional, emotional and interpersonal) as well as calling out poor performance and highlighting its cost will help economic units function more efficiently, lead to workers being treated better (enhancing their productivity) and will lead to better allocation of resources across the Australian economy.
From a technology perspective, more highly-skilled managers are more likely to better utilise data and AI - "AI" at the moment seems to be used as a substitute for effective data use by many firms, and has caused more firms embarrassment than it has benefit, almost entirely due to the inadequacies of Australia's managers.</t>
  </si>
  <si>
    <t>Removing Domestic Fossil Fuel Subsidies</t>
  </si>
  <si>
    <t>Removing domestic fossil fuel subsidies would accelerate the Australian clean energy transition by enabling the reallocation of resources to more efficient clean energy sectors and by supporting a just transition for affected workers. The benefits are material given that the current value of fossil fuel subsidies in Australia is estimated at $14.5 billion for the 2023–2024 financial year. Over time, this shift could reduce environmental and economic costs associated with climate change, positioning Australia as a leader in clean energy and enhancing international competitiveness. While some industries may face short-term challenges, the long-term benefits include a more efficient energy market, lower environmental costs, and therefore improved productivity</t>
  </si>
  <si>
    <t>Removing domestic fossil fuel subsidies would accelerate the Australian clean energy transition by enabling the reallocation of resources to more efficient clean energy sectors and by supporting a just transition for affected workers.
The benefits are material given that the current value of fossil fuel subsidies in Australia is estimated at $14.5 billion for the 2023–2024 financial year. These subsidies come from both federal and state governments, with the largest portion attributed to the federal Fuel Tax Credit Scheme, costing $9.6 billion. Other subsidies include aviation fuel concessions and funding for infrastructure supporting fossil fuel industries, such as coal railways and gas pipelines.
Over time, this shift could reduce environmental and economic costs associated with climate change, positioning Australia as a leader in clean energy and enhancing international competitiveness. While some industries may face short-term challenges, the long-term benefits include a more efficient energy market, lower environmental costs, and therefore improved productivity.
Achieving such an outcome will be no easy task as the fossil fuel industry is particularly powerful in Australia because of our dependency on coal and natural gas exports within our current economic model, delivering jobs and prosperity but also lobbying leverage which can be brought to bear on governments aiming to reduce industry subsidies and/or increase industry taxation.
Notwithstanding the contribution to prosperity made by the industry, its time has come and the faster the phase out the better for humanity .. and for Australia given the rapidly increasing exposure to the economic costs associated with a slow export revenue transition, stranded fossil fuel assets and the changing international legal stance on climate change liabilities.</t>
  </si>
  <si>
    <t>Cut Fuel Excise</t>
  </si>
  <si>
    <t>A permanent reduction in the cost of fuel would reduce price pressure on the economy.</t>
  </si>
  <si>
    <t>The cost of energy is a contributing cost in all sectors of the economy; primary, secondary and tertiary.  A permanent reduction in the cost of energy would ripple through the entire economy.  Government has the ability to reduce this cost by reducing the fuel excise charged.  A permanent reduction in the excise of just a couple of % would contribute to reducing inflation and boost the economy.</t>
  </si>
  <si>
    <t>Support local businesses and overhaul tax system</t>
  </si>
  <si>
    <t>Start local - provide lower tax rates or direct rental assistance to small businesses with physical stores in suburban neighbourhoods such as restaurants and cafes. If they are more profitable, then they can employ young staff to improve productivity and foster vibrant neighbourhoods.
Young people genuinely believe it is a career to make mindless social media videos (dancing and adult content). This means less young people wanting to work proper productive jobs. Penalise/high tax social media work - make them register as a business and pay taxes. 
Positive steps towards regulating cryptocurrency. This industry exposes consumers to scams, and also makes consumers lazy thinking they can earn quick money rather than work hard and productively.
Lower tax for genuine hard working traditional jobs/professions. Current tax rates are too high and encourages our intelligent workers to relocate to places with better tax systems such as Singapore. Meanwhile industries such as construction which can easier hide income are more prosperous.
Lower interest rates. The current process is outdated and ineffective in controlling inflation. Prices have increased as a result of supply problems not only spending. 
Also, stop talking about “housing affordability” in terms of barriers to buying a home. How about instead try to keep interest rates lower so people can “keep” their homes, the homes they saved and worked hard to buy. This in turn would mean rents will stay stable or decrease as home owners would be under less mortgage stress.</t>
  </si>
  <si>
    <t>Support genuine local businesses - this will enable small businesses to employ more staff to improve productivity and also improve livelihood of neighbourhoods; eg NSW govt just built a commuter car park for travellers, yet the local restaurants still loose patrons because of lack of parking availability. 
Lower interest rates - high rents and lower spending at local small business is a result of high interest rates causing mortgage stress so home owners forced to increase rent to help cover increased loan repayments 
Improve tax system - lower rates to incentivise productive jobs and skills to to work in Australia, and high tax for industries that do not contribute to improving productively such as social media content creators that only produce dance or adult content videos. These industries are also adversely affecting our younger generations who are becoming lazy and unmotivated to work hard and productive jobs, instead looking up to these mindless unproductive people.</t>
  </si>
  <si>
    <t>Question the need for Australian Design Rules</t>
  </si>
  <si>
    <t>Cars and many other products have to comply with Australian-specific design rules. While there of course needs to be minimum standards for many products, in some product categories such as cars, many cars that are or could be imported into Australia already comply with reasonable design rules in other countries</t>
  </si>
  <si>
    <t>Where there are specific Australian design rules for consumer products, consider complying with equivalent design rules in, say, Europe or the US an acceptable alternative, unless there are some requirements that are clearly required in Australia (such as right-hand drive for cars).  Upon which, for example, compliance with UK standards should be sufficient.
This could reduce the cost of many imported goods by creating more competition.</t>
  </si>
  <si>
    <t>Second job tax free</t>
  </si>
  <si>
    <t>I run a small business.
Until last year I had two part time employees who would alternate working Saturday and occasionally Sunday.
They both had full time jobs outside of my business.
Around the same time they both stopped working the part time job.
The reason that they both gave was that the extra money put them into a higher tax bracket and they were effectively working for nothing.
My suggestion therefore is to offer full time workers a tax free threshold when working a second, part time job.</t>
  </si>
  <si>
    <t>The benefits are multiple.
1. The employees would have more disposable income. I'm no economist but I suspect they would spend the extra money and that would have a multiplier effect.
2. My business would turn over more.
3. My suppliers and their staff would be turning over more with the associated benefits to the economy associated with that.</t>
  </si>
  <si>
    <t>Overhaul education sector and teacher workforce</t>
  </si>
  <si>
    <t>Reforms are required to enhanced the quality of the teacher workforce. Better remuneration and better work conditions like flexibility and part time options would attract a more highly skilled workforce. Better teacher education, and a nation wide curriculum focused on evidence based pedagogy like explicit instruction.</t>
  </si>
  <si>
    <t>Higher quality teachers who can teach effectively, control classes and engage students is sorely needed. As are effective curriculums and ways of teaching backed by evidence around how kids best learn. Teachers need to be taught how to engage students, manage behaviour and monitor the progress of children's learning.</t>
  </si>
  <si>
    <t>Tax Incentives for Regional and Remote Workforces</t>
  </si>
  <si>
    <t>Enable businesses to claim tax incentives for allowing employees to work remotley to encourage a movement of skilled labour to regional areas.</t>
  </si>
  <si>
    <t>By encouraging buisness to promote WFH or remote work ideals, a greater number of young professionals currently priced out of the housing market in capital cities would be able to relocate to different regional communities. Not only would this promote investment in regional areas through an increase in high-earning consumption in these areas, the overall pressure on capital city housing markets would be greatly reduced. Beyond this, simple productivity and cost savings through reduction in commuting would be significant.</t>
  </si>
  <si>
    <t>Unleashing latent potential through effective problem-solving</t>
  </si>
  <si>
    <t>My idea for improving productivity is to improve real-world problem-solving skills. Why? Because most organisations are solving the wrong problems in the wrong way most of the time, needlessly wasting billions of dollars every year. This is true and can be proven within minutes in any organisation. We need only look to the many persistent public problems, including sluggish productivity growth. Businesses are similarly plagued. Furthermore, the PC should ask itself, “Are we solving the right problem?”</t>
  </si>
  <si>
    <t>What are the benefits? The productivity benefit from this idea is rapid, enduring and scalable. The skills are readily learnt using elegantly simple but powerful tools. Effort and attention is immediately better placed, delivering an immediate and cumulative ROI. The methods are scalable across different suites of problems throughout all organisations. In many instances, substantial cost savings result in parallel with better value outcomes. And people become far more engaged with their work because they are energised by the impact they’re achieving. Experience reveals a vast latent potential in our organisations. Arguably, better problem-solving could become a national differentiator and key to prosperity. 
Is this feasible? Numerous case studies can be supplied to prove the sizeable and readily-achievable benefits, ranging across sectors including mining, energy, water, education and social welfare, just to name a few. Furthermore, these skills are being fostered in government agencies across Australia in highly-rated executive education programs. Problem-solving is also a skill that most people can engage with, whereas people find “innovation” more isolating and risky. Yet when problems are solved well, people often find the solutions amazing and innovative. Unfortunately, the scale of effort and engagement with better problem-solving is still small relative to the urgency and importance of the need. It’s time to face into this reality and scale up the engagement and impact. A silver bullet might really be lurking in plain sight.
(Many of the crucial insights are contained in my latest book “Smashing the State of Dumb-stuck: How to achieve impact and influence in the future world of work by mastering real-world problem-solving”. It explains why we're blind to this opportunity, why it matters more than ever, and how to make progress fast. It’s been described as “the rarest of things” and “a globally significant contribution to human endeavour”.)</t>
  </si>
  <si>
    <t>Restoring vertical integration and supply chain</t>
  </si>
  <si>
    <t>Australia's economy seems to be lacking in economic complexity. e.g. https://atlas.hks.harvard.edu/rankings
This means that the diversification of our export products and services is low and as per the dashboard, is decreasing over time.
Lack of diversification in our exports raises the risk of external shocks to the performance of our economy, through impacts upon the revenue streams of our exporting companies. These have flow on effects through wage channels,....
Lack of diversification in our exports also raises the risk of a more volatile international currency exchange rate subsequently. This in turn subjects Australia as a whole to greater inflation shocks given that Australia imports a substantial proportion of its demanded higher value-added and lower value-added goods and services.
Furthermore, this trend reflects the situation that Australia is importing, as a proportion of its consumption in categorical terms, a greater percentage of its demanded goods and services.
This in turn adds demand-side pressure on our exchange rate, which accentuates the above.
Further to the above, geo-political risks further drive such effects as supply chains are disrupted and costs of transporting goods and services from other parts of the world, on whom Australia is highly dependent, also sky-rocket as logistics companies seek to cover their higher risks.</t>
  </si>
  <si>
    <t>In broad terms:
- restore vertical integration and secure our supply chains, through local and/or closer-proximity international sourcing
- encourage investment in productive business capital, on the part of both domestically-focused and exporting companies, which are not already forming a substantial part of Australia's export mix.
In more detailed terms:
- initialise consultation with existing exporters
- initialise consultation and improve relations with existing international trade partners through means such as trade delegations and various chambers of commerce
- improve relations with relatively new international trade partners that are in closer proximity to Australia, seeking to form both economic and security ties. This may include development of chambers of commerce and business consortiums
- approach startup incubators to understand challenges
- approach existing manufacturers that have exhibited a history of decline to understand challenges
- consultation with businesses across multiple sectors, most notably in manufacturing and digital goods/services, to understand challenges with the existing tax environment and what is needed to boost productivity. Also investigate development of resource/goods-critical sectors such as chip manufacturing/processing, uranium processing and other rare earth minerals so that our outputs are higher value-added
- seek to implement broader taxation reform to encourage investment in more productive assets, as opposed to housing</t>
  </si>
  <si>
    <t>Efficiency measurement</t>
  </si>
  <si>
    <t>Using available data to measure efficiency and productivity is key to producing quality care efficiently.  Changes are relative to improving performance, which must be measured regularly and consistently, and independently using agreed metrics.</t>
  </si>
  <si>
    <t>In health and health care there are agreed metrics and guidelines for measuring efficiency and productivity.  Making data available and using these guidelines regularly and consistently will allow performance to be measured.  To improve you must know where you are at and how to improve, these guidelines allow this.  For the latest guidance see Chapter 16 in The Cambridge Handbook of Healthcare
Productivity, Efficiency, Effectiveness, ISBN: 9781009483773, 2024.</t>
  </si>
  <si>
    <t>Early Language and Literacy Uplift Plan (ELLUP)</t>
  </si>
  <si>
    <t>A plan for national capacity-building in oral language and early literacy for Australia’s children – with benefits throughout schooling and across the life course. The ELLUP will span the education system (from long day care to the early years of primary school); community settings, such as playgroups; and the family home. The ELLUP will identify and help the children who need the most support in foundational language and literacy skills, helping them to catch up and keep up with their peers.</t>
  </si>
  <si>
    <t>Australia’s future depends on a solid foundation of human capital, starting with core language and literacy skills developed in early childhood. Without this strong foundation, children cannot reach their full potential as adults, limiting the productivity, health and happiness of the next generation. 
Australia is not on track. Nearly two in every ten Australian children arrive at school developmentally ‘at risk’ or ‘vulnerable’ in early literacy. For Indigenous children, the rate is more than double. 
Australia needs to make a generational leap in children’s oral language and literacy development. This means a national effort to build children’s language and literacy skills: in the home, in community settings, in early childhood education and care (ECEC) services, and into the early years of primary school. 
The Early Language and Literacy Uplift Plan (ELLUP) will harness emerging policy reforms by governments around Australia in children’s literacy. It will ‘fill the gaps’ around the new Preschool Outcomes Measure and the Year 1 Phonics check, ensuring that children receive high-quality intentional teaching, using evidence-based resources and methods.  
The ELLUP aims to deliver the following outcomes: (1) Parents and carers have practical, evidence-based advice on building their children’s language and literacy; (2) Educators and teachers are equipped to deliver the support that each child needs; (3) Children are skilled and confident in oral language and literacy by the time they reach their first NAPLAN test; and (4) Policymakers can track progress, at the level of individuals and communities. 
There is a strong evidence base for early language and literacy tools, which can form the core of the ELLUP. The Australian Council for Educational Research conducted an evaluation of the Early Language &amp; Literacy Program, developed by the Australian Literacy and Numeracy Foundation, and demonstrated that it closed the oral language and early literacy gap for children in marginalised communities in regional New South Wales over the course of just 12 months, in the year before school.   
In the UK, the Education Endowment Foundation assessed 66 early language and literacy programs from eight countries, and found that they ‘consistently show positive benefits for young children’s learning’, with ‘very high impact for very low cost’.  
 The Australian Government’s investment in the ELLUP would include a mix of new spending and existing Budget allocations. The Government may begin by launching the ELLUP within existing programs and initiatives, such as: Connected Beginnings; Partnerships for Local Action and Community Empowerment (PLACE); and the Targeting Entrenched Disadvantage package.  
The ELLUP may be delivered in stages, to build confidence, encourage participation by states and territories and assess early results. Rollout in the ECEC sector would also utilise existing infrastructure and human resources, targeting the 900,000 children aged 0-5 years attending ECEC services. 
Australia would begin to see the results of the ELLUP quickly – they come not at the end of the education race, but at the beginning. The ELLUP aims to get all young children to the school starting line, ready to engage and learn. How children begin school affects everything that happens next.  In this way, we will also reduce rates of disengagement at school, challenging behaviour, school refusal and non-completion.  
In considering the cost of the ELLUP, the Australian Government should also weigh up the savings generated from early intervention for children with language difficulties. Australia’s children wait far too long for speech pathology services. Under the ELLUP, parents, carers, educators and other adults will be taught practices from speech pathology, to support children’s development and bridge the gap when speech pathology services are difficult to access.</t>
  </si>
  <si>
    <t>Productively manage excess household solar generation</t>
  </si>
  <si>
    <t>The high take up of household solar panels has created an unusual problem: excess solar generation during periods of intense sunlight. Building neighbourhood batteries could be a productive way to manage this excess electricity and redeploy it as needed.</t>
  </si>
  <si>
    <t>The high take up of household solar panels has created an unusual problem: excess solar generation during periods of intense sunlight. Excess generation has become such an issue, that grid operators have proposed the ability to remotely switch off or throttle solar inverters at the household level.
A more productive solution might be to build neighbourhood batteries to capture excess generation from local grids, and store it for other applications, e.g., evening consumption, powering public infrastructure (e.g., street lights), backup power for hospitals, police and fire stations, or even for public EV charging stations.
The battery stations could range in footprint from hundreds of square meters (if land and space is available), down to just several square meters, e.g., in the case of smaller batteries to power minor public infrastructure or as EV charging stations in public carparks.
Building neighbourhood batteries would create jobs for a range of skilled workers, including engineers, electricians, battery technicians, builders, concreters and traffic managers. The resulting batteries would generate income via stored electricity that can be traded on energy markets, or the batteries could be sold or leased to electricity distribution networks or local councils.</t>
  </si>
  <si>
    <t>Correct Pathways</t>
  </si>
  <si>
    <t>A shift in education and career pathways for youths and young adults to create an influx of young aspiring labour, increase in productivity and a reduction in wasted time in a career choice that was ill-informed or misjudged.</t>
  </si>
  <si>
    <t>We all know a trade based friend who is leaps and bounds ahead of their more highly educated friend, why is this? It is because they engaged in workplace learning that enabled them to gain money and education in one hit. I believe an increase in available Apprenticeships and Traineeships for a wider range of careers would benefit the economy and our nation greatly. The apprenticeship model works well in trade based careers, and provides the certain industry with a young workforce that supplements the experienced members. There is no reason I can think of that this model wouldn't work in a myriad of other careers, be it accountancy, architecture, nursing, engineering, graphic design the list goes on. The employer would get the benefit of having young labour to complete tasks that are not suited to higher wage earning members thus increasing productivity, the youth employee would receive income for their learning (creating more money in the economy) and would also get an invaluable understanding of the career pathway they are trying (Which would either provide further passion or allow for redirection), much like the apprenticeship based model there would be an element of schooling associated with the career to add the theoretical knowledge required (this would be tailored to suit the complexity of the role), this model would eliminate people undertaking a degree and unpaid-education to eventually find out that that career wasn't for them, wasting peoples time, productivity and money. The program would enable young people to have more money in their pocket earlier, more investment in their career path (as it is a tried and tested path) and more purpose in their life at a younger age. It would supplement existing business, education facilities and cut the often economically wasted (or even putting them in serous debt) period of young peoples lives between the ages of 18-24.</t>
  </si>
  <si>
    <t>Health and Wellbeing for all Australians</t>
  </si>
  <si>
    <t>A nation's productivity is inextricably linked to the health and well-being of its people. In Australia, many individuals are grappling with challenges that affect their overall health and well-being. These challenges, including social disadvantage, overwhelming distress, and chronic illness, can significantly impact productivity and quality of life. To build a healthier, more prosperous nation, we must prioritise prevention, early intervention, and effective treatment.
The seven modifiable domains of health and well-being are: 
1. Healthy Environments: Safe and supportive environments, adequate housing, neighbourhoods, and workplaces and adequate financial resources for basic needs.
2. Developmental Competencies: The skills and abilities needed to navigate life's challenges are healthy identity, emotional and behavioural regulation, interpersonal skills and problem-solving skills. 
3. Sense of Belonging: Strong social connections and a sense of community.
4. Health Behaviours: Sleep, nutrition, physical activity
5. Coping Skills: Adequate social and professional support when personal healthy coping strategies are exceeded.
6. Perception of Innate Resilience: A belief in one's ability to overcome challenges.
7. Early Effective Treatment of Illness: Timely and effective treatment to minimise the impact of illness and injuries.
Overwhelming distress, distress that exceeds the capacity of personal healthy coping strategies is caused by problems in one or more of the seven modifiable domains of health and wellbeing. People then need to use unhealthy coping strategies to reduce distress - negative self-talk, harmful activities (e.g. emotional eating, aggression, drugs and alcohol), social withdrawal and suicidality. In addition to distress, unhealthy coping further reduces productivity through injuries and illnesses and in the worst cases, death. When people experience overwhelming distress, they may struggle to concentrate, make decisions, and maintain healthy relationships. This can lead to decreased job performance, absenteeism, and even job loss.
Increasingly, many Australian children are growing up in unhealthy environments that prevent them from meeting their needs across all seven domains of health and wellbeing, which can have catastrophic negative productivity sequelae across their lifespan.
Additionally, many Australians face barriers to timely and effective healthcare, resulting in chronic illnesses and injuries that hinder their ability to participate fully in the workforce.
To maximise productivity, we must prioritise policies and practices that promote health and well-being across all seven domains for every Australian, leaving no one behind. By addressing the root causes of distress, such as poverty, inequality, and lack of access to healthcare, we can create a healthier, more productive, and more resilient nation.
By taking a comprehensive approach to health and well-being, we can create a society where individuals can thrive, contribute to the economy, and lead fulfilling lives.</t>
  </si>
  <si>
    <t>To maximise Australia's productivity, we must prioritise policies and practices that promote health and well-being across all seven modifiable domains for every Australian, leaving no one behind. By addressing the root causes of distress, such as poverty, inequality, and lack of access to healthcare, we can create a healthier, more productive, and more resilient nation.
Key Strategies
1. Healthy Environments:
-Invest in affordable housing and infrastructure to create safe and supportive communities.
-Implement effective policies to reduce crime and prevent recidivism.
-Promote sustainable urban planning and green spaces.
2. Developmental Competencies:
- Expand access to quality early childhood education and care.
- Provide and normalise evidence-based parenting programs to support parents in nurturing their children's development.
- Assess children’s developmental competencies at least yearly to enable early intervention.
- Implement evidence-based interventions to address developmental delays and behavioural problems.
3. Sense of Belonging:	
- Identify the individual barriers to community inclusion
- Tailor interventions to the needs of individuals
4. Health Behaviours:
- Implement policies to reduce the availability of unhealthy foods and drinks.
- Encourage healthy eating and regular physical activity through community design and practices
- Ensure schools allow children time to play, relax, and get adequate sleep at the end of the school day.
- Promote safe and accessible recreational facilities.
5. Coping:
- Increase access to quality needs-based professional support for distress (Care Collaborate Connect) to buffer against overwhelming distress and the need for unhealthy coping.
- Support community training in Care Collaborate Connect so everyone knows how to provide quality support to family and friends when they are distressed, without causing harm.
- Replace risk-based suicide prevention approaches that are effective and replace them with needs-based Care Collaborate Connect in all health services.
6. Perception of Innate Resilience:
- Ensure healthcare providers recognise and acknowledge the innate resilience in every Australian and provide supportive healthcare.
7. Early Effective Treatment of Illness:
- Reduce waiting times for medical appointments and procedures.
- Increase the competency of first-line health professionals to conduct biopsychosocial assessments to understand the comprehensive needs of healthcare consumers and enable them to connect consumers with appropriate support.
- Increase funding for primary healthcare, including GP clinics and community health centres.
- Expand access to telehealth services to improve healthcare accessibility in rural and remote areas.
Policy Considerations and Monitoring
To ensure that policies are effective, policymakers should adopt a data-driven approach and monitor their impact on health and well-being outcomes. This involves:
1. Rigorous Evaluation: Implementing robust evaluation frameworks to assess the effectiveness of existing policies and programs.
2. Evidence-Based Interventions: Prioritising evidence-based interventions and continuously reviewing and updating policies.
3. Collaboration and Knowledge Sharing: Fostering collaboration between researchers, policymakers, and practitioners to share best practices and lessons learned.
Key Metrics to Monitor:
Healthy Environments: Rates of homelessness, housing affordability, air quality, and access to green spaces.
Developmental Competencies: Rates of child development delays, educational attainment, and social skills.
Sense of Belonging: Rates of social isolation, loneliness, and community participation.
Health Behaviors: Rates of smoking, alcohol consumption, and physical inactivity.
Coping Skills: Rates of mental health disorders, substance abuse, and suicide.
Perception of Innate Resilience: Measures of self-esteem, optimism, and resilience.
Early Effective Treatment of Illness: Waiting times for healthcare, access to primary care, and rates of chronic disease.
By prioritising health and well-being across all seven domains, Australia can create a more productive and resilient workforce. Investing in early childhood development, health services, and social support programs will yield significant long-term benefits, including:
Reduced absenteeism and presenteeism: A healthier workforce is more likely to attend work regularly and be productive when they are there.
Increased employee morale and job satisfaction: Addressing factors such as stress, burnout, and work-life balance can improve employee morale and job satisfaction.
Enhanced creativity and innovation: A healthy and well-rested workforce is more likely to be creative and innovative.
Improved decision-making: Health and well-being can maximise cognitive function and decision-making abilities.
Reduced workplace accidents and injuries: A healthy workforce is less likely to be involved in accidents and injuries.
By taking a comprehensive approach to health and well-being, Australia can create a society where individuals can thrive, contribute to the economy, and lead fulfilling lives. This will not only benefit individuals but also drive long-term economic growth and prosperity.</t>
  </si>
  <si>
    <t>Purchasing power in health, linking equipment and IT for labour productivity uplift</t>
  </si>
  <si>
    <t>The purchasing power in the health sector is under-utilised. Moreover, any advantages taken in physical capital purchasing power is poorly linked to purchasing power in IT and digital integration. An example.... a) many public health organisations are moving to digital infrastructure such as EPIC. However, equipment procurement remains removed from digital integration and poorly linked in efficiencies of scale. A department buys new ultrasound machines, but there is no link to the ECPI system in the business case and the equipment ends up on the floor in use, without any digital connection to the EPIC service used for patient management and data. There is also no consideration of digital image storage or purchasing power of the multiple departments all requiring it.
b) the Australian Quality and Safety Commission alongside the Aged Care Reforms, have mandated digital medication management in Aged care facilities. As we transition to more aged care in place, the hospitals do not have access to a massive chaos of digital medicine management systems emerging across the private sector. If we are to streamline and create efficiencies across traditional silos, the mandated processes must also be mandated to be interoperable and from a limited choice of options.</t>
  </si>
  <si>
    <t>We live in an age of massive technology opportunity to uplift labour productivity, however we are not releasing it through poor process, silo'd purchasing and poor integration of purchases with IT integration into user systems. We are considering the benefits of AI to healthcare, at the same time as we are still using a fax machine. To release labour force for work that requires their skill, we must ensure that the digital and physical/equipment infrastructures are linked, to optimise efficiency and labour productivity, not hinder it. This is also cost effective and better for patient care.</t>
  </si>
  <si>
    <t>Abolish or reform the awards system</t>
  </si>
  <si>
    <t>I propose replacing Australia’s outdated award system with the federal minimum wage and statutory conditions - allowing more room for enterprise and individual bargaining. This change will simplify the regulatory environment, allowing businesses to negotiate wages and conditions directly with employees. The current system is inflexible, complex, and costly, especially for small businesses.
https://www.hrnicholls.com.au/discussion-papers/the-employment-act</t>
  </si>
  <si>
    <t>By doing the above we will enhance labor market flexibility, reduce business costs, and increase job opportunities. This streamlined approach will help businesses operate more efficiently and competitively, ultimately benefiting both employers and employees and fostering a stronger economy.
A more politically manageable alternative would be the simplification of the awards system by offering more flexibility and streamlining the categories.</t>
  </si>
  <si>
    <t>Mandatory trimesters for unis</t>
  </si>
  <si>
    <t>Education is key to increased productivity. But the current system has students not learning for large portions of the year. Enforcing trimesters would improve student outcomes and entry into the workforce - 3 year degrees would now only take 2 years, or a four year honours degree will only take 3 years.</t>
  </si>
  <si>
    <t>Accelerated Graduation and Workforce Entry: Trimesters allow students to graduate and enter the workforce or pursue postgraduate studies faster. This means they gain experience at younger ages or have the opportunity to extend their education. Both scenarios boost productivity by either increasing the number of experienced workers or enhancing their qualifications.
Lower Penalty for Changing Courses: The shorter duration of trimesters reduces the time it takes to graduate, even if students change their courses. This leads to better course matching, resulting in a more productive and satisfied workforce as individuals are more likely to find and stick with careers that suit their skills and interests.
Frequent Breaks and Work Experience Opportunities: More frequent shorter breaks help prevent burnout, keeping students refreshed and motivated. Additionally, these breaks provide numerous opportunities for internships and part-time work, allowing students to gain valuable work experience and apply their learning in real-world settings.</t>
  </si>
  <si>
    <t>Gig Worker Platform enabling a Market Place for Services</t>
  </si>
  <si>
    <t>Develop a platform allowing Gig Workers to register their skills and capabilities in a manner searchable by employers seeking short term or fixed price contract work.</t>
  </si>
  <si>
    <t>There is a growing base of highly skilled workers who are not able to commit to full time employment or even part time structured employment but who nevertheless have significant skills and expertise of value to employers who have short term immediate needs but no capacity to invest in long term full time roles.
This platform would establish a market place for both Gig workers and Employers to exchange services and would enable education, validation of employment history and work credentials including rights to work in Australia. The platform could also enable payment of superannuation for Gig Workers.
This would enable simple engagements of highly skilled workers who could for example:
1) Review project plans and provide independent risk assessments.
2) Engage in short term software design and development work.
3) Perform specific data entry duties for employers.
4) Develop or review software designs.
5) Assist employers with stock takes as and when required.
6) Provide independent opinions on any range of matters. 
7) Provide book keeping services.</t>
  </si>
  <si>
    <t>Significantly raise income threshold before which benefits and aged pension are abated</t>
  </si>
  <si>
    <t>Anyone wholly reliant on the aged pension or Centrelink benefits in order to survive is unlikely to be living a lavish lifestyle or "sponging off the taxpayers."  Substantially lifting the abatement threshold would enable people to take up part time, or less lucrative employment, without loss of so much of their pension or benefit, giving them improved quality of life, addressing labour shortages in key industries, and improving their overall well being.</t>
  </si>
  <si>
    <t>Benefits:
1. Enable beneficiaries and pensioners who are able to obtain some work to supplement their income without losing so much of, or all of their benefit or pension.  Benefit and pension levels have not kept pace with inflation or cost of living increases, and tend to condemn recipients to a life bordering on poverty and risking homelessness and significant social disadvantage.  Current abatement thresholds mean there is often little point in taking up available roles as they would lose too much of their pension or benefit, meaning the roles will often go unfilled.
2.  Increasing the threshold would enable older employees to remain productively in the workforce for longer, enabling them to pay down mortgages or increase their super pot as they head towards retirement, reducing the risk of them becoming homeless in old age.  The social connection provided by continuing to work would be beneficial for their mental health, contribute to workplace diversity, and strengthen social cohesion, by exposing parts of the workforce to people whom they would not typically interact with.   It would also enable the transition to retirement to be less abrupt, facilitating a progressive handover of intellectual capital (knowledge, internal procedures, etc) and upskill their incoming replacement employee.
3.  Being able to participate in part-time or less lucrative work whilst in still in receipt of Centrelink benefits would foster improved work skills and help make them more ready for full time work further down the track.  It would enable parents and caregivers to better balance child and elder care obligations and would be more likely to ensure they eventually return to the full time workforce, than if they remained at home, wholly dependent on a benefit.
4.  With employees not having to forego so much of their benefit or pension, would also enable businesses to fill otherwise hard to fill roles, particularly in sectors dependent on casual or part time work where such jobs would not be enough to live on, e.g. age care, nursing, disability support, teaching, child care, hospitality, public transport, security and agriculture.
5.  Much of any additional money earned by people currently in receipt of a pension or benefit is likely to be pumped straight back into the economy in any case, simply paying for things like groceries, utilities, essential medicines and transport costs.</t>
  </si>
  <si>
    <t>Sustainable Productivity: Australians’ Role in Change</t>
  </si>
  <si>
    <t>Sustainable productivity can shape Australia’s future by driving productivity within planetary boundaries using “The Doughnut Principle.”</t>
  </si>
  <si>
    <t>Ideas for Boosting Productivity Within Doughnut Boundaries
Transition to a Green Economy
– Renewable Energy: Invest in solar, wind, and hydro projects to create jobs and reduce emissions.
– Circular Economy: Promote recycling, reuse, and resource efficiency in industries.
Case Study: Germany’s Energiewende program demonstrates how renewable energy investments can drive sustainable productivity while reducing dependency on fossil fuels.
Prioritize Regenerative Agriculture
– Shift to practices that improve soil health, reduce chemical use, and support biodiversity.
– Support local food systems to enhance food security and reduce transport emissions.
Example: Australia’s Landcare initiatives highlight the potential of community-led land restoration efforts.
Strengthen Public Services
– Universal access to free, world-class education equips citizens for emerging industries.
– A robust healthcare system ensures workforce stability and reduces productivity losses from illness.
Innovate Within Environmental Limits
– Develop technology for water conservation, energy efficiency, and waste reduction.
– Fund start-ups focused on eco-friendly innovations.
Shift to a Well-Being Economy
– Reduce working hours to improve mental health and productivity.
– To measure success, adopt holistic metrics like the Genuine Progress Indicator (GPI) instead of GDP.
Reference:
Nature and Biodiversity: https://www.youtube.com/@sandratuszynska/videos
Regrenerative farming: https://youtu.be/58G9htz0hTk?si=Vx3AIv2GGQJ1_kS8</t>
  </si>
  <si>
    <t>Engaging workers</t>
  </si>
  <si>
    <t>Workers who are engaged and enthused with their organisations goals are more likely to be productive.</t>
  </si>
  <si>
    <t>I have recently retired having worked for around 18 different organisations from labourer to middle management.  I have two trades and a degree qualification and have worked in small, medium and large private sector organisations and for a significant time in the public sector.  Three things I observed that significantly affected worker morale (hence productivity):
1	Receiving a fair wage.
2	Feeling competent for the tasks expected - I have had extensive exposure to the Group Training process for Apprentices that often resulted in unskilled trades persons and too often injuries to Apprentices.  Either discontinue the Group Training process or ensure an acceptable standard is achieved (legislation and enforcement).  Australia needs competent trades people.
3	Having competent management - Psychopaths, Sociopaths and Sycophants create havoc in an organisation and it only takes a few.  There is numerous research showing how their impact can be minimised - this needs to be adopted in Australian organisations.</t>
  </si>
  <si>
    <t>Master Builders Australia</t>
  </si>
  <si>
    <t>Re: Australia’s Productivity Pitch
Master Builders Australia (Master Builders) welcomes the opportunity to provide the Productivity Commission with ideas on how to make Australia more productive and prosperous.
Disruption from the pandemic, geopolitical and macro-economic crisis as well as ongoing social impact reforms are changing the shape of traditional approaches to building and construction with an ecosystem buckling under the weight of change. This is coupled with productivity woes that have been holding the industry back for decades.
Since the COVID pandemic hit in 2020, Master Builders has advocated for a focus on boosting workforce capacity, improving construction chain performance and planning and regulatory interventions that improve, not hinder, sector viability and growth.
Master Builders is keen to work with the Productivity Commission on how we can improve productivity across four of the five topics of:
1. Creating a dynamic and resilient economy,
2. Building a more skilled and adaptable workforce
3. Harnessing data and digital technology
4. Investing in cheaper, cleaner energy and the net zero transformation.
The challenge for policy makers and industry is to get the settings right to lift productivity and support change. Looking to innovation, attracting a more diverse workforce, better sharing of procurement and financing risk, optimising supply chain performance and payment processes, unlocking planning and regulatory bottlenecks, and effectively supporting industry in the change journey will be a key part of this process.
Labour shortages remain the biggest source of cost pressure and disruption for the building and construction industry which impacts the final cost and timeline for building new homes and infrastructure. The industry is facing chronic workforce shortages and struggling to find the workers
Diminishing productivity will magnify these requirements even further. Current supply conditions make it unlikely that we get all the workers we need. Modelling commissioned by Master Builders explores what would happen if the gap between demand and supply for construction workers were to widen steadily over the next five years – with an initial one per cent shortfall eventually reaching 5 per cent by the end of the five-year horizon. Findings were that there would be 73,000 fewer people in the industry, 13,175 fewer home starts would occur and there would be a $57b reduction in GDP.</t>
  </si>
  <si>
    <t>Master Builders paper titled The Cost of Letting Productivity Slip released by Master Builders in May 2024 provides a detailed outline of the challenges with productivity in the building and construction sector and our advocacy priorities for unlocking productivity barriers. This paper can be found online here https://masterbuilders.com.au/the-cost-of-letting-productivity-slip-2/.
To help relieve pressure and increase productivity, a number of things need to happen.
Inflation must be controlled, which requires a focus on the supply side of the economy and a meaningful push to boost industry productivity which has been falling like many areas in the economy.
There must be a better approach to the level of risk involved in building and construction, so that it is shared more fairly by everyone in the chain and not simply loaded onto the builder.
It is crucial to enforce existing laws more effectively, condemning those who break them and ensuring rogue operators face the full force of the law.
Businesses, particularly small enterprises, should be supported to develop resilience and operate sustainably and financially. Strengthening businesses’ skills benefits both the industry and the wider community
Reducing burdensome regulation and ensuring laws operate effectively and consistently is essential to relieving businesses of cost and compliance pressures. State and territory security of payment laws, for instance, need to be streamlined. Master Builders has long supported greater uniformity and simplicity in security of payment regimes based on principles such as prompt payment rights, a rapid adjudication process, and a simple, informal, and flexible approach.
Over the last two and a half years, the Federal Government has legislated a set of complex industrial reforms known as the Secure Jobs Better Pay Bill and the two Closing Loopholes Bills. A number of changes were implemented that will impact the building and construction industry either directly or indirectly. It is not yet possible to know what the precise impact will be with some associated regulations yet to be made public. However it is clear that these impacts undermine labour productivity in the construction industry and right across the economy even at a basic level of increased regulatory burden and adapting to these changes.
Finally, more trades people need to join the building and construction industry.</t>
  </si>
  <si>
    <t>Improving health system access and efficiency by harnessing Superannuation to include private health insurance coverage.</t>
  </si>
  <si>
    <t>The Australian health system is very inefficient and becoming unaffordable for many people, even those with well paid employment. The private health insurance system is largely unaffordable and does not provide the cover most people would expect, which leads to the public system (Medicare) bearing the load. The number of people with Private health insurance coverage is reducing, as premiums increase, exacerbating the problem. Australia has a high level of employment or low unemployment, with universal compulsory Superannuation, leading to roughly 96% of people having Superannuation access. Aside from the ultimate purpose of Super, to create a retirement income, it also includes some insurance (life. TPD and income protection). 
The idea I propose would be to include private health  insurance (PHI) premiums with Superannuation, thereby increasing the number of working people with PHI to 100% or essentially doubling the rate of people with PHI. Without knowing about the real value of the life insurance or TPD within Super, I propose that having PHI perhaps replacing life insurance is more valuable to most people. 
The idea is not to devalue or undermine the public system, which is world class, but rather to make it more affordable and efficient by increasing the productivity of PHI. 
The overall health system cost are increasing at a frightening rate, with too much waste and inefficient use of tax payers money, so this idea may improve efficiency within the system by making PHI more useful for working people and families.</t>
  </si>
  <si>
    <t>The benefits of increasing the number of people with  PHI will have many productivity benefits including:
1. More people with PHI will make it more viable leading to reduced premiums.
2. If PHI becomes more viable, providing more benefits to consumers, this will ease the burden on the public system, Medicare.
3. Dental health care coverage will increase, reducing the need for it to be included with Medicare.
4. There is potential for an increase in preventative health care initiatives, which PHI companies are attempting to do but are largely ineffective due to low uptake. If preventative health improves, this will have a corresponding reduction in chronic disease burden and increased work force participation.</t>
  </si>
  <si>
    <t>Payout of Sick Leave Entitlements Upon End of Employment</t>
  </si>
  <si>
    <t>Currently, sick leave entitlements are not paid out when an employee resigns or is made redundant. Because of this it is common for employees to take "sickies". This becomes far more prevalent when businesses are facing tough economic times or if employees are planning on leaving as they feel like they will miss out on money they are theoretically entitled to. If sick leave balance was paid out when an employee ceased work, the same way annual leave is, it would incentivise employees to continue to attend work and thus increase productivity</t>
  </si>
  <si>
    <t>I have witnessed this first hand in both ways. Firstly, when working in construction, I have seen the benefits of EBA's which included sick leave entitlements being paid out at the completion of projects to the workforce. It allowed projects to finish on time and on budget as management did not need to worry about employees calling in sick towards the end of the project.
Subsequently, in my current business we are undergoing a restructure. The number of sick days being taken by the workforce has skyrocketed, as people are preparing for redundancies to be handed out and are wanting to use up the entitlements they have. It has had large impacts to our productivity. If these were paid out I have no doubt the workforce would continue to work through the threat of redundancies, knowing they would be paid their sick leave even if the redundancies do eventuate.</t>
  </si>
  <si>
    <t>Lower unemployment and higher wages</t>
  </si>
  <si>
    <t>In my experience as an employer and an employee, low unemployment and higher wages drive business productivity and efficiency.
Low wages and high unemployment make employers lazy. They do not have to look at ways to improve their productivity or people skills, which makes their employees despondent and, consequently, lowers productivity.</t>
  </si>
  <si>
    <t>With a tighter labour market and higher wages, a strong financial incentive exists to invest in capital equipment to increase productivity and profit. It is a simple business decision. The horticulture industry is an example of how low wages and a compliant workforce meant the industry had no incentive to invest in capital equipment to increase productivity. When they had to pay the minimum wage and visa changes for backpackers, they introduced more capital equipment, gradually improving productivity as the photo below illustrates.</t>
  </si>
  <si>
    <t>Create a framework for drones to deliver urgent supplies to remote areas.</t>
  </si>
  <si>
    <t>Enable businesses to routinely deliver mail, pharmaceutical supplies, water, fuel, food etc to remote areas using drones by amending regulatory barriers.</t>
  </si>
  <si>
    <t>Use of drone/UAV technology to deliver essential supplies should be normalised as a core part of our supply chain delivery framework.  The smaller payloads, variable needs and remoteness of the communities mean that cargoes would be tailored to a specific destination, and drone delivery would be a near daily occurrence.  The handling and distribution of cargo, and refreshing the drone for return journey would provide employment opportunities for a small number of people in each community and would enable those communities to maintain a better level of connection to the outside world.   Changes in technology mean that the drones could potentially be locally produced, solar powered, or run on a biofuel.</t>
  </si>
  <si>
    <t>Use retired ocean liners to improve immediate supply of interim housing for disadvantaged families and individuals</t>
  </si>
  <si>
    <t>Retired ocean liners at key ports could provide immediate shelter for over thousand people each, for up to 6 months or more while permanent accommodation is built, taking vulnerable people off the streets, and taking the throttle off rental prices.</t>
  </si>
  <si>
    <t>Enable people to undertake employment while working from a stable address.
Help children and others remain connected to education and health systems.
Provide business opportunities for local entrepreneurs - cleaners, hairdressers, cafes and communal kitchens (cooking would not be permitted in cabins) to operate from onboard premises.</t>
  </si>
  <si>
    <t>Increase capacity for onshore storage of motor fuel from current 54 days to 90 - 120 plus days</t>
  </si>
  <si>
    <t>Establish depots at key locations around Australia, whereby Federal Government owns and secures the lands, and the fuel wholesalers build or lease the tanks as part of a national resilience strategy, and over time build the reserves to closer to capacity.  Fuel coming into the country goes into the reserves, and fuel is drawn from older stocks for delivery to local suppliers or sub-depots.</t>
  </si>
  <si>
    <t>Benefits - 
Better assurance of continuity of supply during times of international tension.
Brings Australia closer into alignment with IMF/WTO and other international body recommendations for 90 days plus onshore stocks.   
Helps insulate Australian economy, transport industry and motorists from wild fluctuations in fuel prices.</t>
  </si>
  <si>
    <t>A digital platform that connects research ideas in universities with business and industry</t>
  </si>
  <si>
    <t>A digital platform could be developed so that researchers in universities could post a summary of their idea (their elevator pitch), share it and get comments from business and industry to help improve it and/or implement it. The idea for such a platform is popular however has not been successfully implemented so far for university research. Something similar is operating in schools.</t>
  </si>
  <si>
    <t>Australia was rated number 1 country in the last Global Creativity Index (2015). The index measured a country's creativity based on “3Ts” – talent, technology and tolerance. While we rate highly on creativity, including on a recent creative thinking index, we rate poorly on innovation due to not being good at commercialisation of ideas.
If business and industry could readily see research ideas in universities they could be stimulated to support them, including by investment. The platform would offer more opportunities for commercialisation of ideas and Australia's innovation score would improve. Every innovation is based on an idea. More innovation means more productivity.
Fortunately there is a way to implement this idea cost effectively, initially as a pilot. Technology developed by IdeaSpies could be used and improved. The IdeaSpies technology was painstakingly developed over eight years to offer secure and scalable software based on the Laravel PHP framework. A screenshot image of the home page is attached. The platform is currently suspended pending further development. 
A platform called UpRising is currently being used in schools based on the IdeaSpies technology. It offers senior high school Design &amp; Technology students the opportunity to connect with business and industry, research, government and community, to accelerate their ideas, test prototypes and promote their capabilities and design projects.
Something similar could be developed for universities, based on the same technology.</t>
  </si>
  <si>
    <t>Remove incentives for non-productive capital gains</t>
  </si>
  <si>
    <t>Australia suffers from a problem where rewards for non-productive capital gains are not penalised and are instead rewarded. It is why someone can buy a property, not rent it out, so actually reduce productivity and make more money than they would working in a job where they are actually producing something.</t>
  </si>
  <si>
    <t>Changing the tax system so that capital gain from an investment is heavily taxed if there is no associated increase in productivity. All gains from owner occupier properties should be exempt. What this will do is make non-productivity a lot less desirable and alternative investments where price is related to productivity more attractive. As it is now, housing is a low risk high return investment.</t>
  </si>
  <si>
    <t>Goals within reach and 4 day work week</t>
  </si>
  <si>
    <t>Pretty simple description if you remove negative gearing people or remove tax for first home buyers or something then people with have a higher chance of buying they’re home to live in and increase they’re wealth I.e not just investors for renting out driving people to save for something affordable and countries with shorter work weeks tend to be more productive like France as an example.</t>
  </si>
  <si>
    <t>If people’s goals were more in reach they wouldn’t despair as much and thus be more productive and likely to work additionally shorter work weeks optional may increase the number of jobs. Or give further incentives to go to the office I.e free public transport for workers.</t>
  </si>
  <si>
    <t>Industry driven tertiary education caps</t>
  </si>
  <si>
    <t>Enable a more productive work force through tertiary training targeted at industry needs rather than student demand</t>
  </si>
  <si>
    <t>Presently, the amount of places offered, on aggregate for a degree stream in the Australian university system is largely customer (student) demand driven. 
This leads, in broad terms, to a workforce oftentimes not trained for the requirements of Australian industry at any given time. 
Using short and near term modelling, quantities of requisite degree streams can be forecast. 
By placing caps on the degree streams, informed by this modelling, we could minimise the amount of people being trained in areas the workforce does not need them. 
Further, it would increase the competition amongst students for the positions that are available and are forecast to be required, meaning we could materially improve the quality of the graduates in the very streams that the Australian economy needs most.</t>
  </si>
  <si>
    <t>Full life cycle nuclear fuel export industry creation</t>
  </si>
  <si>
    <t>Productivity can be lifted simply by raising the value of our goods produced. Australia’s uranium supply as well as our expansive land present an opportunity to do so.</t>
  </si>
  <si>
    <t>Given the current and forecast need for energy across the globe, nuclear is already and will continue to be a part of the worlds energy mix. 
Productivity can be lifted on the output side of the equation by creating a fully life cycle nuclear fuel industry. 
The concept being, that we sell enriched uranium rather than just the ore, and as part of buying this product, when the uranium is depleted, it is returned to Australia and we manage the waste. 
This provides output on both ends of the lifecycle and allows for a high value industry to be created. 
This would create a vast amount of high output jobs. As well as boost Australia’s terms of trade, which would further lend to boosting Australian wages.</t>
  </si>
  <si>
    <t>Encourage capital deepening through tax offset</t>
  </si>
  <si>
    <t>Capital deepening underpins worker productivity, plant and equipment that directly and measurably lifts worker productivity should merit an immediate tax offset in the financial year it is purchased.</t>
  </si>
  <si>
    <t>Presently, if a business/company/sole trader invests in plant and equipment. They are afforded only the opportunity to claim depreciation on the effective life of the item. 
Allowing an immediate and total tax offset -not just a deduction - would rapidly improve capital deepening across the Australian economy, materially boosting productivity.</t>
  </si>
  <si>
    <t>Gradual stepped reduction in the working week</t>
  </si>
  <si>
    <t>The 38 hour work week is a legacy of the Industrial Revolution. It makes little to no sense in todays economy.</t>
  </si>
  <si>
    <t>By gradually reducing the work week down over the following decade with an agreed upon target of for example, 30 hours per week productivity would lift enormously. 
The work week as it stands was designed for a workforce and industry that by and large no longer exists. The average worker, and indeed the most productive workers today are engaged in value add work, heavily leveraging capital deepening. In these roles, a high degree of technical and professional expertise is employed, which in turn equates to complexity of the work involved - this complexity means it is unrealistic to expect workers to remain productive for the same amount of hours as workers involved in much less complex roles in previous centuries. Further, there is evidence to suggest they produce less as a result of being asked to carry out this complex work for the time they are required. 
Additionally, a reduction in the hours of the standard working week will enable those who want to work more, to do so. This will put downward pressure on the labour market tightness and improve competition amongst workers wanting additional work. 
Finally, and perhaps most simply. An improved work life balance will reduce absenteeism and encourage more people to take up full time work, lending to an improved participation rate.</t>
  </si>
  <si>
    <t>Assisted village-based private homes for elderly</t>
  </si>
  <si>
    <t>Utilise the concept of “village” support to allow elderly people to live at home, visited or co-living with loved ones, and visited by doctors/nurses, cooks, cleaners and carers on a regular basis</t>
  </si>
  <si>
    <t>There would be a need to determine how the funding of such arrangements would work, but many people would be willing to pay more fees for this quality of life into old age. There could also be an option for people to choose an automatically higher super contribution payment when they fill out employment paperwork, to set aside funds for this lifestyle when they’re old. Some employers may have the money to contribute these extra payments themselves, as an employment benefit.
The current state of aged care homes is clearly not the answer. And after a lifetime of hard work, as we near the end of our life on this earth, don’t we all deserve something better?</t>
  </si>
  <si>
    <t>Commercial Terms That Incentivise Productivity</t>
  </si>
  <si>
    <t>Mandate government contracts have commercial terms that financially incentivise contractors to work more efficiently.</t>
  </si>
  <si>
    <t>It will encourage contractors to find better ways of operating and incentivise upskilling of staff to achieve greater productivity.</t>
  </si>
  <si>
    <t>Harvest Cross Border issues</t>
  </si>
  <si>
    <t>Use the cross border issues lists held by the various state Cross Border Commissioners to identify the many low resolution microeconomic policy reform possibilities that are harder to see elsewhere.</t>
  </si>
  <si>
    <t>The various state CBCs come across and record numerous cost impositions in our border communities. While some of these are peculiar to border areas many actually point to policy anomalies that impose costs across Australia - it is just that they are easier to observe in border areas because any friction between state systems is relatively more costly there.</t>
  </si>
  <si>
    <t>Bring in skilled migrants for the construction industry to reduce bottleneck</t>
  </si>
  <si>
    <t>Allow temporary visas for workers in the construction industry to address the current labour supply constraints as well as improve development feasibilities for housing projects.</t>
  </si>
  <si>
    <t>Introducing foreign workers not only addresses the current labour supply issue, but they also bring in the learnings from overseas projects and efficiency gains from doing things differently. Improving labour supply will also help the government complete their essential infrastructure projects more efficiently and within budget which will boost the amenity and productivity of those being serviced by those infrastructure projects. Boosting housing supply from both public and private sectors will also allow Australians to live closer to where they work, improving labour mobility.</t>
  </si>
  <si>
    <t>Productivity Value Formula</t>
  </si>
  <si>
    <t>I developed a Productivity Value Formula to measure the financial benefits and increase productivity through soft skills development.</t>
  </si>
  <si>
    <t>The more we can get people to communicate effectively, be able to align their values to that of the organisation the more productive and engaged a person will be. I have alos been able to successfully demonstrate that you can "love your team to higher performance".</t>
  </si>
  <si>
    <t>Don't make decarbonisation labour intensive</t>
  </si>
  <si>
    <t>There is a common misconception that the transition to net zero is an opportunity to "create jobs". While there may be some localised unemployment in a small number of regions following power station closures, in most regions there is low unemployment, and shortages of key skills such as engineers and electricians. Ministerial press releases for projects such as Snowy Hydro 2.0 incorrectly emphasised the job creation aspect: https://www.minister.industry.gov.au/ministers/taylor/media-releases/jobs-and-construction-snowy-20</t>
  </si>
  <si>
    <t>The energy transition should be done in the least labour-intensive manner possible. The emphasis on job creation risks making the huge task of decarbonising the economy more expensive (ie more labour intensive) than it needs to be. Australia should import pre-assembled and ready-to-install technologies where possible to avoid using scarce labour and thus avoiding putting pressure on an already tight labour market and construction sector.</t>
  </si>
  <si>
    <t>Elevating our Right to Repair for a stronger more inclusive, fairer and more competitive move to NetZero</t>
  </si>
  <si>
    <t>Creating a dynamic and resilient economy
Building a more skilled and adaptable workforce
Harnessing data and digital technology
Delivering quality care more efficiently
Introducing policy and regulatory reform in Australia to support a RIght to Repair for all Australians will  enable our move to net zero transformation by  empowering our consumers, businesses and industries to engage in repair building a stronger more competitive yet an inclusive, fairer and more sustainable future for all Australians. The recent Productivity Commission (PC) report on National Competition Policy modelling proposed reforms has highlighted the competition benefits of repair (based on the earlier PC Right to Repair Inquiry) as well as the consumer benefits of repair - however there are much broader benefits that need attention such as the important skills and training dimension that is need to realise a repair economy as well as the broader social benefits that repair activities and a repair economy can bring to Australia.  To move to a more environmentally sustainable economy in Australia, we need to recognised and support the building of a more skilled and adaptable workforce. Currently there are no policy supports or incentives for the building of green jobs in Australia. We need to recognise and value and elevate repair skills, skills needed to disassemble and repair products, (remove barriers to electrical repair (eg in Queensland where state regulation requires licensed electricians for simple electrical repairs which puts Queensland out of step with the rest of Australia). These jobs provide wonderful opportunity to provide opportunities to people with current employment barriers and persons with disabilities. Recognising important skills that will support and elevate repair and reuse of our goods in our communities will not only help with reducing waste and the net zero transition but will also provide benefits through social inclusiveness and skills training and mentoring by those with skills to a broader sector of our society. Up-skilling our communities and businesses by removing the already identified barriers to repair and supporting skills and training in our repair businesses and industries is essential in our move to a net zero society.</t>
  </si>
  <si>
    <t>The Productivity benefits of a right to Repair have already been identified in the Productivity Commission (PC) report on National Competition Policy modelling proposed reforms report (2024)  over $400m in savings . This has been based on careful analysis of the previous work of the ACCC on Agricultural Machinery Aftermarket Inquiry as well as the earlier broader Right to Repair Inquiry of the PC in 2021.
The Australian Repair Network can provide research and analysis to support the broader case for the reforms that are needed for a Right to Repair in Austrlaia</t>
  </si>
  <si>
    <t>Reduce insurance premiums for putting on public events</t>
  </si>
  <si>
    <t>The cost and effort in obtaining public liability insurance can be a real issue for companies and groups wanting to put on public events</t>
  </si>
  <si>
    <t>The cost of public liability insurance has to come down. If we assume that the insurance market is more or less competitive, perhaps the underlying issue is the public liability risk. So maybe we need to investigate capping public liability risk - passing more risk onto consumers. The NDIS can help with this - there are alternative means for looking after severely harmed people. Maybe the minimum liability for these policies can come down, to say 1 million dollars.
This is well worth looking at. NZ has its ACCC accident insurance scheme, and while this is not perfect, it is much simpler than the complex public liability arrangement in Australia and helps enable a dynamic adventure and event economy.</t>
  </si>
  <si>
    <t>Australia's Self Sufficiency - Priority 1</t>
  </si>
  <si>
    <t>Move Australia towards becoming self sufficient in all areas.
Target the sectors where Australia imports and develop import replacement industries with Government incentives / support.</t>
  </si>
  <si>
    <t>Produce everything we consume.   Government plays a critical role:
Incentive establishment of import replacement businesses through tax breaks and short term government co-ownership.  Implement “Local Buy” policies across all government purchasing to stimulate local production with disincentives for non-compliance.
Set up NOAH – New Organisation Assistance Hub – government agency to offer hands on assistance to new businesses by providing  finance / HR / marketing support to allow startups to focus on core business.
Government agency to manage food production – set wholesale and retail prices for farmers and retailers including fixed prices for water / labour that guarantee the viability of farmers and prevent price gouging by supermarkets.  The government agency allow farmers to “bid in” for supply of crops at the set prices, produce only what we consume.  Scarce resources would be allocated to produce product only for Australians   
Nationalise all utilities to provide “at cost” resources towards the above.
Australian provide their own social media / arts / search engines to provide a preferred alternative to the current overseas sourced services. Option for internet users to opt into see only local DNS addresses to minimise cyber crime.
There’s more but that will do for starters.</t>
  </si>
  <si>
    <t>Make junk fees illegal</t>
  </si>
  <si>
    <t>A junk fee is any fee charged on top of the listed price, and where the fee is largely unavoidable, i.e. credit card fees, booking charges, fuel surcharges, etc</t>
  </si>
  <si>
    <t>The reason why businesses like junk fees is that consumers make decisions to buy based on the listed price. Junk fees are bad because they make providers lazy, i.e. why bother to negotiate a lower commission with the company providing the booking software, when you can just pass the booking fees onto the consumer. But this comes at the expense of consumers. 
So there should be a rule that only surcharges that are easily avoidable (and no, easily avoidable does NOT mean paying by cash or the business's in-house credit card, etc) can be charged. Otherwise all such charges have to be included in the listed price.
I have helped run a small business - when you look at all of the costs, receiving payment via paywave from a regular credit card (Visa/Mastercard) is cheaper than receiving cash, so these surcharges should end now.</t>
  </si>
  <si>
    <t>Reward Capital</t>
  </si>
  <si>
    <t>Capital is required for productivity. Reward capital anywhere it is required.</t>
  </si>
  <si>
    <t>Take a look at the SP 500 / NASDAQ for an example of the benefits</t>
  </si>
  <si>
    <t>Reframing private individual property investment as Australia's largest small business sector &amp; thereby enabling broader political support for the Build-to-Rent sector</t>
  </si>
  <si>
    <t>Reframing property investment as Australia's largest small business sector &amp; thereby (hopefully) enabling broader political support for the Build-to-Rent sector, especially from Coalition members. If Australia's approx 2.3 million property investors can be re-categorised as small business proprietors, then in theory there should be less political objection to BTR projects from conservative politicians. BTR could then be viewed as providing competition to individual landlords (many of whom are holding outdated, worn-out stock), as providing enhanced choice to consumers (renters), as offering innovative securely-let solutions to medium-term and long-term rental accommodation needs, and as enhancing productivity by offering modern, secure, community-focused and well-serviced apartments close to employment hubs.</t>
  </si>
  <si>
    <t>Support local manufacturing of Schedule 3 CBD products</t>
  </si>
  <si>
    <t>Despite strong demand for cannabidiol (CBD) products to address common health concerns such as anxiety, pain, inflammation, and sleep disturbances, there are currently no TGA-approved schedule 3 (over-the-counter) products available. This represents a missed opportunity for Australian medical cannabis companies to meet domestic demand and tap into global markets where CBD is legal.
Access to CBD in Australia remains difficult. The prescription process is complex and costly, and the available products are expensive, often exceeding $250 per month. As a result, many consumers turn to unregulated online sources, spending large sums on inferior products, which offers no benefit to the Australian economy.
The Government could play a key role in enabling local businesses to bring compliant schedule 3 CBD products to market. This would not only address immediate domestic demand but also unlock significant export potential. Establishing a reliable supply chain for low-dose CBD could pave the way for other products, such as CBD-infused foods and beverages, strengthening Australia’s position in the growing global CBD market.</t>
  </si>
  <si>
    <t>To support Australian businesses in bringing Schedule 3 CBD products to market, the government could provide:
Financial Support: Offer grants or tax incentives to offset costs for businesses needing to modify production lines and comply with regulatory standards.
Compliance Guidance: Provide clear guidelines on CBD product standards, including dosage and packaging requirements, along with workshops and consultations to help businesses navigate regulations.
Affordable Testing: Subsidise testing costs or establish government-backed testing facilities to ensure products meet regulatory standards without burdening businesses.
Expedited Approvals: Establish a fast-track approval process and allocate more resources to the TGA, reducing delays in product testing and registration.
Enabling Australian businesses to produce and sell Schedule 3 CBD products would not only meet domestic demand but could also drive significant economic growth. The Australian medical cannabis industry is already valued at over $1 billion annually, with strong potential for expansion. By supporting local production, the government could create thousands of new jobs across manufacturing, distribution, testing, and retail sectors. The industry’s growth would also support ancillary sectors such as agriculture, technology, and research, further enhancing Australia’s productivity and global competitiveness. This initiative could contribute significantly to the Australian economy, driving both local innovation and export opportunities.</t>
  </si>
  <si>
    <t>Reform Australian Standards</t>
  </si>
  <si>
    <t>Australian Standards are required by law to be followed in many areas of the economy, yet they are locked behind expensive paywalls, and are updated repeatedly with no clear economic advantage as to why the standard was changed.</t>
  </si>
  <si>
    <t>1. Standards should be freely available to the public. This will encourage compliance, especially in the construction sector, which is besieged by poor workmanship and non-compliance. Afterall, the Standards are written by volunteers, the high costs for them cannot be justified. And public shouldn't have to pay to see the legal requirements. 
2. Have a clear, simple economic test for weather a standard should be introduced or changed. Introduce a basis for calculating the economic cost of a life lost, or an additional clause of requirements. Then standards should have to demonstrate an economic advantage before they can be published. For example, if a standard proposes that all Give Way signs are replaced with Stop signs as this will reduce accidents and save lives, it should have to demonstrate the economic loss from increases travel times outweighs the economic cost of lives lost.</t>
  </si>
  <si>
    <t>Create a culture of respect for human rights</t>
  </si>
  <si>
    <t>A respect for other people in all their diversity is foundational to economic efficiency. Without it australia sentences those who are discriminated against for gender, sex, race, ability, religion, sexual orientation and gender identity to sub standard lives, unable to contribute fully to the creativity and productivity of this country.</t>
  </si>
  <si>
    <t>Increased workforce participation
Increased productivity
Increased innovation
Reduced workforce turnover and absenteeism
Reduced impact on health care systems
Reduced impact on legal systems</t>
  </si>
  <si>
    <t>The Commonwealth builds housing, not private builders.</t>
  </si>
  <si>
    <t>The Commonwealth establishes a "Building Arm" to construct large numbers of modular houses across the country. This initiative aims to create hundreds of thousands of jobs and provide affordable housing for Australians, with the added goal of selling the housing units into the market for profit.</t>
  </si>
  <si>
    <t>The government is making a significant investment in large-scale factories dedicated to producing modular homes in a highly controlled, quality-assured environment. Leveraging innovations in AI-driven design, robotics, and automation, these homes will be completed in just one month.
This initiative will generate thousands of jobs in manufacturing, with additional employment opportunities in areas such as delivery, installation, warranty services, procurement, and customer support. It will also strengthen the Australian supply chain by prioritizing locally-made products.
To support this ambitious project, new green steel mills will be established, producing high-quality steel for both construction and export, further positioning Australia as a leader in sustainable materials. The homes will feature integrated solar and battery technologies, enhancing energy efficiency while supporting Australia’s transition to a more sustainable future.
Profits will be reinvested into R&amp;D to enhance production efficiency, safety, and environmental sustainability. This approach prioritises innovation to drive long-term value and meet modern housing demands. In production, advancements will focus on robotics and automation, enabling automated assembly, cutting, and material handling. Digital twin technology will be implemented to simulate and optimise processes, while AI-driven systems will ensure quality control and predictive maintenance for equipment.
Safety improvements will emphasise fire-resistant materials, with research into advanced composites that meet Australian fire safety standards. Modular designs will also be enhanced for resilience against extreme weather events and seismic activity, improving structural integrity and occupant safety.
Environmental efforts will include the use of bio-composites, recycled plastics, and low-carbon concrete to reduce emissions. Factories will integrate renewable energy like solar power, minimise waste, and adopt circular economy practices, including take-back programs for end-of-life units. Lifecycle analyses will identify emission hotspots, with carbon capture technology further reducing impacts.
Emerging technologies such as AI will tailor housing designs to local needs, while IoT devices enable smart home functionality and energy efficiency. Blockchain technology will ensure ethical sourcing and transparency in the supply chain, fostering accountability and sustainability.
This initiative positions Australia as a global leader in leveraging data and digital technology within the building industry.
The youth of Australia will step out of despair with hope that the future is better. By taking decisive action, the government is set to earn the trust of its people, becoming a symbol of positive change.</t>
  </si>
  <si>
    <t>Eliminate GPs from Aged Care, replace Radiologists and Pathologists with AI, Invest in soft robotics in surgery and aged care</t>
  </si>
  <si>
    <t>Only Nurse Practitioners should be used in aged care facilities for prescribing, diagnosing, referring  and treating. 
Within 5 years Radiologists and Pathologists should be replaced with Generative and Autonomous AI.
As research into soft robotics with AI advances and becomes cheaper, aim to replace surgeons with AI powered robots.
Aim to utilise soft robotics for resident contact such as lifting and turning, not just entertainment and talking, in aged care.</t>
  </si>
  <si>
    <t>GPs could be replaced with Nurse Practitioners in aged care immediately. NP Medicare rebates are cheaper and their job would be dedicated to the facilities, not be a sideline to a busy practice, which GPs do now. Outcomes to residents would therefore be better and ensure less hospital admissions.
Autonomous AI is inevitable in medicine and Radiology and Pathology are the obvious specialties to be replaced with this technology. They will ensure faster and more efficient diagnosis of patients. Invest in this technology.
Improvements in soft robotics in surgery should mean better post op outcomes and shorter patient stays in hospitals. Couple with autonomous AI in the future this should mean less need for human surgeons in the future, less need for expensive training programs, and expensive surgeons. Soft robotics can be 3D printed cheaply. Invest in this technology to make an affordable, more efficient healthcare system. 
Soft robotics for lifting and turning residents in aged care will become necessary to prevent workplace injuries, sick days and workers compensation. They will reduce the need to continuously import overseas workers in aged care, and as robotics become cheaper, they will reduce the expense of a paid workforce. Empathetic human contact will still be needed in all care situations but numbers will be reduced.</t>
  </si>
  <si>
    <t>Introduce a career exposure program for Year 11/12 students</t>
  </si>
  <si>
    <t>Expand on current work placement programs by allowing school students to participate in multi-job career exposure programs. This helps them choose the right course to study after high school and reduces wasted time/effort/money in studying the wrong thing, therefore bringing skilled, job-ready workers into the workforce more quickly, and reducing career exit rates</t>
  </si>
  <si>
    <t>It’s safe to say that a very large proportion of people don’t know what they want to do with their lives by the time they start tertiary education or work. A lot of students enrol in arts degrees for this reason, or change to a completely different course halfway through or later in life (I’m staggered by how many friends have done this - probably a majority of us did not truly know what we wanted to do when we first commenced our degrees.) This results in wasted time, effort and money by students who end up graduating later, or having to return to university at a later stage to re-skill in a different area once they realise the job they chose is not for them.
I believe students, and the economy, would greatly benefit from a practical, hands-on career exposure program in their final year of high school. This is similar to the idea of “work experience”, except it allows students to choose 3-5 different careers to experience (rather than just 1), for the specific purpose of helping them to figure out what they really want to do. They can then be placed for a few days in each of these different workplaces. The program could be held in lieu of the usual work experience program, or alternatively held during summer school holidays.
This would benefit the Australian economy by increasing the proportion of students who get into the “right” job from day 1 after graduating. We’ll have job-ready workers entering the workforce more quickly (when you change degree halfway through, you usually have to study for longer), and becoming competent and skilled in their field at a younger age as well, due to not chopping and changing their profession as much. There would likely be fewer people exiting their industry after commencing work and realising it’s not for them - another cost for the economy. Students would also save study costs from avoiding course changes, therefore having more disposable income for other priorities such as housing. Businesses may also benefit from a wider resource pool for work experience programs.</t>
  </si>
  <si>
    <t>Implement a paid work scheme for homeless people</t>
  </si>
  <si>
    <t>Make it easier for homeless people to access paid employment, even if only on a casual basis</t>
  </si>
  <si>
    <t>Homelessness remains a significant, urgent and growing problem in this country. It is shocking, and reflective of our priorities as a society, to see how many people live on the streets given how wealthy Australia is. Shelter, food, and water are basic fundamental human needs that EVERYONE should have access to, no matter their circumstance.
One possible solution is to implement a standardised paid work scheme for homeless people around the nation. Provide jobs that are specifically allocated to people experiencing homelessness, utilising the vast array of skills that these people have - anything from packing boxes, to delivering food, to data entry, to holding the stop/slow signs at road works (perhaps targeting more lower risk jobs, initially). If needed, set up facilities than allow these workers to have a shower and clean up before they start work - another basic human right that goes a long way towards helping people feel like respected, productive members of society again. Many businesses already have shower facilities for staff who use the gym or ride to work - why can’t these be utilised for these casual workers too?
These jobs could be perhaps administered by government-funded organisations and partially funded by employers that opt to participate in the scheme (government should be one of them), together with government. Employers can be incentivised to pay for these workers by partial government subsidisation, the ability to access more flexible casual employment arrangements, and reputational benefits.
This scheme may not be suitable for everyone, but it would help to give a lot of homeless people a leg up towards a better life. Building more housing only solves one part of the problem - we need to help these people get back into paid employment to truly have a chance of breaking the cycle, but without all the red tape that comes with Centrelink benefits.</t>
  </si>
  <si>
    <t>Make it easy to recycle electronics</t>
  </si>
  <si>
    <t>Make electronics recycling easier for everyday consumers to avoid the significant e-waste currently going into landfill</t>
  </si>
  <si>
    <t>We live in a world that is almost completely driven by technology now. We produce and consume large volumes of technology everyday. And yet bafflingly, it is still difficult for consumers to recycle their electronic goods. You have to be willing to invest time to research where your nearest recycling facility is, what its opening hours are, then make the effort to drop your electronics off at that facility. How many people have the time and motivation to do this? I myself am guilty of disposing of electronics in the bin because, with two young kids, a house to look after, and a full time job, I don’t have time to make special trips to dispose of a few cables or batteries or an old phone.
Electronics recycling must become a staple for all households. For that to happen, it must be convenient - as convenient as taking your cardboard recyclables out. I propose either having a dedicated electronics recycling bin for each household, or at minimum a dedicated bin on every street corner or at every large grocery store.
This has numerous benefits including the removal of hazardous e-waste from normal household rubbish, and the ability to recycle much greater volumes of metals and critical minerals than we currently do, thus reducing the risk of resource shortages and the costs of having to mine for resources than we actually need.</t>
  </si>
  <si>
    <t>Create advisory/mentorship jobs for older Australians</t>
  </si>
  <si>
    <t>Tap into the experience and knowledge of older Australians who want to work but find it difficult to find continued employment, by hiring them into specific advisory/mentorship roles across business. These roles would be part-time and would support core workforces by providing guidance and advice on how to best approach work tasks.</t>
  </si>
  <si>
    <t>We know that our ageing population brings a multitude of challenges, including less people in the workforce contributing to productivity and taxes, greater healthcare costs, and employment ageism - more people unable to find jobs because they are deemed “too old” in the candidate pool.
Yet we also know that older Australians often still want to work, and have a wealth of experience that would be a boon for many businesses. Too many times business initiatives are adversely impacted because less experienced employees and managers do not know the best way to approach a task, and will give something a try, only to have it backfire and create months of re-work. Often direct managers are not the best equipped to provide this advice, as they may lack the specialised knowledge needed, and businesses often can’t or won’t invest the budget to fund a full time role of this nature.
A win-win would be the creation of advisory roles specifically for older Australians (say, 50+ years) across the business landscape. These could be part-time roles anywhere between 1 to 5 days a week, where employees can consult visiting advisors/mentors for advice on how to approach a work problem. The additional cost will be justified by savings from improved quality, efficiency and productivity.
Besides the obvious productivity and economic benefits, this also gives people more opportunities for continued social engagement in later life (where currently they may simply be forced to retire), which is known to delay the onset of dementia. It also allows more flexible work arrangements for older people who may prefer greater work life balance (though those who wish to keep working may be happy to have 2-3 jobs of this nature). It lets businesses take advantage of both the fresh ideas and energy of younger employees, and the more experienced and thoughtful approaches of older employees.
The federal and state governments can lead this change by implementing these roles within the public sector, and demonstrate the benefits for the corporate sector to follow suit.</t>
  </si>
  <si>
    <t>Taxable Income Clearing Account  - Paying Your Tax As You Earn It</t>
  </si>
  <si>
    <t>Australia has had a PAYE/PAYG system of tax instalment collection since 1942.  The problem with it is that it collects too much tax for most salary/wage taxpayers necessitating a tax return lodgement in order to get a refund of the over collection.  Many reasons bring this about including taxpayers having multiple jobs, payment of overtime, bonuses to name a few.
I propose that every taxpayer would have a Taxable Income Clearing account  at one of the Australian retail banks. All income related payments such as wages, pensions, superannuation  and interest must be paid into this account.  The bank on receipt of these payments would calculate an annualised income and would withhold an amount of tax , taking into consideration the tax already paid YTD and the release the balance to one or more working bank accounts nominated by the taxpayer. The rates of withholding would be calculated to make allowance for a standard set of allowable deductions. 
Because the withholding is a progressive/cumulative on a taxpayer's total sources of salary/ wage  pension income as well as interest and dividends the taxpayer will in most cases have paid his/her tax obligation at each point of receipt thereby obviating the need to lodge an end of year tax return.
Banks would be required to deposit the withholdings into Consolidated Revenue on the day after, thus giving Government a much greater contemporary collection. 
Taxpayers would benefit by getting the precise net payment( probably about $40 per week more than presently given most get a refund of $2000 each year) and would not have to lodge a return unless they had an unusual tax event such ad a capital gain.
Benefits to the economy would be multiple including no need to lodge a return, correct and progressive payment of government pensions thus averting Robodebt disasters, more effectual collection of revenue ( no more uncollected PAYG from employers) and tax agents concentrating on business taxpayers.
This change would on most cases make using tax an invisible action and give taxpayers peace of mind. 
Given that the great majority of taxpayers already receive their net income paid into a bank account their would not be a major task to put this new system in place.
There are great economic benefits to be derived.</t>
  </si>
  <si>
    <t>Digital Pharmaceutical Benefits Scheme SafetyNet Card</t>
  </si>
  <si>
    <t>Currently many Australians do not utilise the pharmaceutical benefits scheme safetynet due to having medicines dispensed at an array of pharmacies and having no record of when they reach the safety net, and even if they do receive a safetynet card these are being lost.</t>
  </si>
  <si>
    <t>To qualify for the pharmaceutical benefits scheme safetynet consumer charging relief patients currently spend up to a figure in a year, though many consumers never record how much they have spent on eligible prescriptions and do not get issued with a safetynet card. To improve access to affordable prescription it would be beneficial to create a pharmacy prescriptions spend monitor and safetynet card in the MyGov app. The government should also negotiate a future pharmacy agreement where safetynet consumers are always prompted to discuss 60 day prescribing with their clinican, to further reduce dispensing efforts and costs.  The government should introduce a safetynet dispensing transparency monitor which shows the geographical regions and pharmacy types that dispense the most to least safetynet prescriptions.</t>
  </si>
  <si>
    <t>Housing</t>
  </si>
  <si>
    <t>Local governments need to improve processes so that building plans which are compliant with relevant planning schemes and building codes are approved within 14 days. Save the analysis and effort for proposals seeking non-compliant designs.</t>
  </si>
  <si>
    <t>Home building and ownership is one of the major factors leading to increased cost of living. Builders are failing financially due to the duration of construction, inflation of input costs and shortage of labour. The wait for building approvals is a huge part of this time delay and if the plans are already compliant, then this wait does not create any benefit for the community or the economy.</t>
  </si>
  <si>
    <t>Reward Capital Investment Except Land</t>
  </si>
  <si>
    <t>Reward Capital Investment Except Land
Production = Land + Labour + Capital
Higher Land Prices are bad. Discourage higher land prices. Land Tax.
More Capital is good. Encourage more capital investment. Lower Company Tax all size companies.</t>
  </si>
  <si>
    <t>Curtail anti-competitive practices, including disregard for IP ownership by offshore online retailers</t>
  </si>
  <si>
    <t>Address the disregard for Intellectual Property ownership by offshore online retailers.    In addition to the challenges of compliance with the regulatory environment and rising costs for Australian business, we now have to contend with offshore businesses who are not subject to the same requirements.  These companies have been able to gain a foothold in Australia by using AI to scrape the web for original content and designs to copy and sell at prices that don't reflect the true cost of production, including the many hours of work and resources involved in coming up with a new product or idea.  The operating model of these companies therefore undermines the thousands of Australians working in creative industries and smaller-scale manufacturing.   Businesses are reliant on digital means to advertise and sell their work, however in the face of the growing use of AI, publication of original work and designs online comes with a very tangible risk that your work will be appropriated, and with the speed at which technology allows these companies to move, this can happen within a matter of days and without your awareness.  This has the potential to have a chilling effect on innovation for obvious reasons.</t>
  </si>
  <si>
    <t>Develop a framework for protection of Australian business from the uncompetitive practices of large overseas online retailers including IP appropriation, that responds to the technological advancements that allows this to happen rapidly and without the awareness of the original creator of the design or product.  Investigate if there are technological solutions to enforcing compliance with IP requirements.</t>
  </si>
  <si>
    <t>Promoting Lung Volume Reduction Surgery (LVRS) to Sufferers of Chronic Obstructive Pulmonary Disease (COPD)</t>
  </si>
  <si>
    <t>COPD is the fifth most common fatal disease in Australia and at least the "First" World. Emphsema predominates w/in COPD; its treatment - LVRS - has 2 types - bronchial valve insertion and invasive surgery. GPs and even respiratory physicians insufficiently refer COPD sufferers to relevant specialist surgeons.</t>
  </si>
  <si>
    <t>In 2022 636,000 Australians had been diagnosed with COPD; prevalence for over 65's is some three times more than overall prevalence. Many more sufferers have not yet been diagnosed. Bronchial valve insertion began in Australia less than 15 years ago; keyhole LVRS less than 25 years ago. Presently relatively few practitioners are sufficiently trained and/or experienced in either technique. At least one respiratory physician has confessed to not engaging in relevant research, to the point of prescribing a lung transplant with its consequence of remaining on anti-rejection drugs for one's lifetime.
Not everyone would qualify for either treatment. Air leakage through the fissure separating the top left lobe from the bottom left lobe denies valve insertion; only some 10-15% of sufferers qualify, through a relevant distibution of damaged lung cells, for keyhole LVRS.
Even sufferers aged over 65 would still be able to work full- or part-time as well as to help their offspring to work more - and more effectively - through child-minding. Those under 65 would work more effectively and, thanks to the accompanying 'de-inversion' of their diaphragms, have an immediate incentive to address likely other health concerns (e. g. obeisity and type 2 diabetes), as well as adopting a healthier diet and enjoying a greater physical (and consequent mental and emotional) attractiveness and self-esteem.
If relevant professional bodies were able to reliably believe that the Australian community would back and welcome these outcomes, they would, with due but relatively modest help, invest in expanded and multi-faceted training in these thoracic techniques - and in related fields such as pulmonary rehabilitation and exercise physiology. Australia's productivity would increase significantly.</t>
  </si>
  <si>
    <t>Provide public childcare within the state education system.</t>
  </si>
  <si>
    <t>It is very expensive for the federal government and working parents to pay for a large number of childcare centres. Often, a large reason for the cost of childcare is the cost of facilities. Instead, just like schools, the education department for each state should provide childcare using buildings located in the grounds of public schools, and administered by each school. Childcare could be free for working mothers. Private childcare could still be available - but 100% funded by parents if they choose this option.</t>
  </si>
  <si>
    <t>Increasing the availability of childcare, and removing its cost, could encourage more mothers to work and increase the birth rate. Many primary schools have good facilities which are only used for part of each day. While some primary schools may not have the space for a new building - many primary schools in my area could find the space, and parents would appreciate being able to pick up and drop off all of their younger children in one place.</t>
  </si>
  <si>
    <t>The key to productivity is reward in a clear 'cultural' setting. The reward has to be tangible and in this respect the participant's need be familiar with  'language concept' of the reward.</t>
  </si>
  <si>
    <t>1. Understanding the mechanism of productivity needs to be introduced at an early age especially in schools. 2. The participants need to feel: (a) that they are wanted and needed. (b) That there is an opportunity to progress and evolve, with future self and societal goals 3. There needs to be a sense of equity. There is little point to be productive just fo others' benefit (s). A wide economic reward divide equates to injustice. CEO's and like need to receive a proportionate reward and carry responsibility for their involvement. Feedback and cultural involvement leads to a sense of belonging and being part of the overall process.</t>
  </si>
  <si>
    <t>1. Small units of action rather than a 'factory' mentality, 2. published recognition and acknowledgement. 3. Additional financial rewards for productivity.</t>
  </si>
  <si>
    <t>Increase Investment in Flood Mitigation Infrastructure</t>
  </si>
  <si>
    <t>Flood mitigation infrastructure minimizes economic disruption, reduces recovery costs, and protects key industries like agriculture and mining. It safeguards communities and critical infrastructure, ensuring stable productivity during extreme weather events. Investments in levees, dams, and nature-based solutions reduce flood damage, attract long-term investments, and create jobs during construction and maintenance. These measures enhance community resilience and reduce future costs associated with escalating climate risks, ultimately ensuring a more stable and productive economy.</t>
  </si>
  <si>
    <t>Flood mitigation infrastructure minimizes economic disruption, reduces recovery costs, and protects key industries like agriculture and mining. It safeguards communities and critical infrastructure, ensuring stable productivity during extreme weather events. Investments in levees, dams, and nature-based solutions reduce flood damage, attract long-term investments, and create jobs during construction and maintenance. These measures enhance community resilience and reduce future costs associated with escalating climate risks, ultimately ensuring a more stable and productive economy.
A highly feasible  strategy noting dependency on funding and coordination across government levels. Implementation is straightforward for well-designed projects but requires significant investment and long-term maintenance. Strong public support exists in flood-prone areas, though less urgency may be felt elsewhere. Evidence strongly supports its effectiveness in reducing economic and social costs (Benefit Cost Ratios for mitigation projects between 2:1 and 5:1 are common, meaning every dollar spent can yield $2–$5 in avoided damages), with proven success in similar projects globally.</t>
  </si>
  <si>
    <t>Increase Investment in Preventative Health</t>
  </si>
  <si>
    <t>Preventative health investments reduce the burden of chronic diseases, improve workforce participation, and cut long-term healthcare costs. Healthier individuals take fewer sick days, perform better at work, and stay active in the workforce longer. Mental health and wellness programs further enhance productivity and quality of life. By reducing dependence on treatment-focused healthcare, preventative health improves societal resilience, supports economic growth and productivity, and creates a healthier future workforce.</t>
  </si>
  <si>
    <t>Preventative health investments reduce the burden of chronic diseases, improve workforce participation, and cut long-term healthcare costs. Healthier individuals take fewer sick days, perform better at work, and stay active in the workforce longer. Mental health and wellness programs further enhance productivity and quality of life. By reducing dependence on treatment-focused healthcare, preventative health improves societal resilience, supports economic growth and productivity, and creates a healthier future workforce.
Preventative health measures potentially benefit all Australians, and especially those in rural and low income areas.
Given sufficient funding and commitment it offers a highly feasible strategy. It does require public health campaigns, accessible services, and cross-sector collaboration, but aligns with existing health frameworks. Strong community support exists for initiatives addressing chronic disease and mental health. Robust evidence demonstrates the long-term benefits of prevention, though immediate returns require clear communication to sustain momentum.</t>
  </si>
  <si>
    <t>Removal of Domestic Fossil Fuel Subsidies</t>
  </si>
  <si>
    <t>The removal of domestic fossil fuel subsidies would over time reduce environmental and economic costs associated with climate change, positioning Australia as a leader in clean energy and enhancing international competitiveness. While some industries may face short-term challenges, the long-term benefits include a more efficient energy market, lower environmental costs, and therefore improved productivity.</t>
  </si>
  <si>
    <t>Removing domestic fossil fuel subsidies would accelerate the Australian clean energy transition by enabling the reallocation of resources to more efficient clean energy sectors and by supporting a just transition for affected workers.
The benefits are material given that the current value of fossil fuel subsidies in Australia is estimated at $14.5 billion for the 2023–2024 financial year. These subsidies come from both federal and state governments, with the largest portion attributed to the federal Fuel Tax Credit Scheme, costing $9.6 billion. Other subsidies include aviation fuel concessions and funding for infrastructure supporting fossil fuel industries, such as coal railways and gas pipelines.
Over time, this shift could reduce environmental and economic costs associated with climate change, positioning Australia as a leader in clean energy and enhancing international competitiveness. While some industries may face short-term challenges, the long-term benefits include a more efficient energy market, lower environmental costs, and therefore improved productivity.
Achieving such an outcome will be no easy task as the fossil fuel industry is particularly powerful in Australia because of our dependency on coal and natural gas exports within our current economic model, delivering jobs and prosperity but also lobbying leverage which can be brought to bear on governments aiming to reduce industry subsidies and/or increase industry taxation.
Notwithstanding the contribution to prosperity made by the industry, its time has come and the faster the phase out the better for humanity .. and for Australia given the rapidly increasing exposure to the economic costs associated with a slow export revenue transition, stranded fossil fuel assets and the changing international legal stance on climate change liabilities.</t>
  </si>
  <si>
    <t>The Light Industry Project - investing in the revitalisation and optimisation of older industrial precincts</t>
  </si>
  <si>
    <t>The Light Industry Project is a manufacturing and creative industries collaboration being delivered by a consortium of industry partners in Kunda Park Industrial Precinct on the Sunshine Coast. The project is exploring the role of the arts and creative sector in the economic revitalisation of the manufacturing and light industrial sectors in Australia. It is applying a place-based ‘precincts and partnerships’ model, bringing together the three tiers of government, businesses, researchers, local communities and other stakeholders to develop a shared vision for the future, and deliver innovative, optimised, sustainable mixed-use precincts.</t>
  </si>
  <si>
    <t>Persistent global supply chain and international security challenges have seen governments around the world moving to reestablish and strengthen sovereign manufacturing capacity. At the same time, governments are responding to the realities of climate change and pushing for waste reduction, circular economies, and a transition to renewables and net zero emissions. Older industrial precincts will be key to meeting these challenges. 
Kunda Park is typical of hundreds of older neglected industrial precincts in communities across the country. It is home to an eclectic mix of several hundred manufacturers, services and family-owned businesses. Zoned for light to medium-impact industries, it employs more than 2000 people, including nearly 300 trainees and apprentices. Whilst its contribution to the economy is significant, its potential is untapped. With the focus on new 'greenfield' industrial developments, the opportunity that older industrial precincts represent for a productivity uplift is a blind spot. 
Kunda Park has fallen behind in basic amenities and services, with road access, congestion, parking, large vehicle access, public transport, broadband and mobile phone coverage, and power supply all identified as opportunities for improvements that could support enhanced local and regional economic productivity. The lack of connectedness with the surrounding suburbs from a local planning perspective means the precinct is underutilised after hours and on weekends. There is little connecting local businesses and workers, and with property values rising regardless there is little incentive for property owners to disrupt the status quo. 
The Light Industry Project is being developed as a potential pilot for a national program, underpinned by the vision of older and often neglected industrial precincts across the country being activated and revitalised by a new national 'Light Industry' network. Regional Development Australia are partners on the Kunda Park work and they would be a great delivery mechanism for a national program of investment targeting older industrial precincts and channelled from 'A Future Made in Australia' or the 'National Reconstruction Fund'. A national network could share knowledge and build capacity delivering a productivity lift in communities across the country.</t>
  </si>
  <si>
    <t>Free or affordable childcare</t>
  </si>
  <si>
    <t>Currently 50% of the workforce needs to choose between working or staying at home for four years. It’s crazy - we have a skilled and untapped workforce thats out of the workplace. And this will help birthrates in return as women will be more confident they can have families without sacrificing their career.</t>
  </si>
  <si>
    <t>* instant boost of workers - many skilled
* filling in industry gaps sorely needed
* women able to not lose their careers due to not being absent from their workplace</t>
  </si>
  <si>
    <t>An office of national research</t>
  </si>
  <si>
    <t>Australia should have an office of national research to make greatest use of our national intellect to build our defences, strengthen our economy, and support our society. Australia has overlooked the national intellect as a resource and an element of national power.</t>
  </si>
  <si>
    <t>By national intellect, we mean in basic terms the knowledge, skills, and rational facilities of the nation, and its outworkings in imagination, inquiry, and invention. And by an office of national research, we mean in basic terms a statutory federal body that will foster and focus public and private research, including from overseas, towards our national priorities.
It should concern Australians that there is no part of the federal government with oversight and responsibility for ensuring our national resources are directed towards defending the nation and responding to national challenges.
According to the Australian Academy of Science’s figures, the current budget contains about $15 billion for science and research this financial year. That is spread across 227 science and research programs and 15 federal portfolios, under the responsibility of multiple ministers and departments.
Worse, every program is tied to its portfolio priorities, but in turn these are not necessarily tied to national priorities. The government recently announced the National Science and Research Priorities for the next decade. National defence is not one of those five priorities.
And it should concern us that new polling by the Institute of Public Affairs indicates that fewer young people are willing to fight, and far more are prepared to flee the country, if Australia faced a war like in Ukraine than was the polling results in 2022. The National Defence Strategy has apparently done nothing to strengthen our commitment to defend ourselves.
As a nation with limited resources relative to our risks and responsibilities, indeed to our remoteness, Australia needs a central body to focus on finding ways to maximise the uses of our resources in national defence and to respond to our other national priorities. We need that body to draw upon the intellectual capabilities of the nation, to draw together the expertise wherever found, to grow that ‘stock of useful knowledge’ as Wolfgang Kasper described it. 
An office of national research is not simply a defence endeavour. An office of national research should be imagined as a ‘big idea’ for the nation. And we are not proposing another bureaucratic body with its controlling tendencies. The national intellect is an element of national power because of its diverse and independent thinking, coming from the curiosity and competition of liberal democracy. 
We believe there are clear and compelling reasons for why an office of national research would build our defences, strengthen our economy, and support our society. In basic terms, the coordination and concentration of the intellectual resources of the nation towards our national priorities offers the best means of achieving our national objectives and serving our national interests.</t>
  </si>
  <si>
    <t>Teaching - making Australia sensible and consistent - with proper teaching frameworks and loads for teachers.</t>
  </si>
  <si>
    <t>I used to call teachers ‘the dumbest bunch of smart people I know’. I then became a teacher! Now I know that the system is appalling and will never get great results in the public system as it now stands.</t>
  </si>
  <si>
    <t>One national curriculum. Benchmarks the same for EVERY state/territory. Curriculum 90% written for ALL subjects (allowing for some personal style etc.). No more planning each year from scratch like some poorly functioning organisation as it is now. I would really love to chat about this! :-)</t>
  </si>
  <si>
    <t>Mandate all companies registered on stock exchange and other large companies publish their carbon footprint</t>
  </si>
  <si>
    <t>Mandate all companies on the stock exchange and other large companies (determined by turnover - amount to be determined by research into significant contributions to carbon footprint prints). This will need to be policed and scrutinised closely to avoid green washing.</t>
  </si>
  <si>
    <t>This will help consumers understand which companies and having a negative impact on climate, who are having a positive impact and who might be reducing the amount of carbon emissions in the atmosphere. It will also raise awareness for the general public which will help them make more informed decisions when choosing what to buy and possibly how they approach climate change in general.</t>
  </si>
  <si>
    <t>Greater investment in research into improving mental health and behaviour change services for men</t>
  </si>
  <si>
    <t>We have a domestic violence problem and a men’s mental health problem. The two are linked, while there is other factors they do relate. Suicide is one of the leading causes of death for men. This costs the nation a significant amount of money in lost potential as well as secondary impacts it has on their friends and family. 50% of men who commit suicide have engaged in a mental health service in the 12 months before. We need to improve mental health services so that the men who go, stay and get help. Same goes for men who use violence. All the training goes to helping victims but we need more investment in training practitioners in the social services sector to work with all men to reduce their use of violence at all levels.</t>
  </si>
  <si>
    <t>By investing into research and training programs in these specific areas we can improve the care economy, reduce the number of women who die from DV, reduce the number of men who die by suicide. This will have significant positive social and economic impacts to our society.</t>
  </si>
  <si>
    <t>Temporary hecs indexation freeze for women who give birth to a child</t>
  </si>
  <si>
    <t>ATO temporarily freeze all hecs debts indexation for the first 2 years after birth or until they start earning enough to contribute to super again which ever comes first. This should also be made available to men who choose to be the primary parent and should only be made available to one member of a couple.</t>
  </si>
  <si>
    <t>This would help the gender pay gap. Women who have children are disproportionately disadvantaged by having a child and receive more indexation on their hecs than men for choosing to have a child. We need more babies and we need more women working. Also women are more likely to face economic hardship than men for these reasons. This policy could help with all the above issues and contribute to a stronger more equitable economy. This may also contribute to encouraging people to have a child or children quicker and it might encourage more women to study higher costing degrees like medical degrees. If this is the case it could help improve quality health care by taking away one barrier to more female doctors.</t>
  </si>
  <si>
    <t>Compulsory employee non-concessional super contributions as a second tool to respond to inflation.</t>
  </si>
  <si>
    <t>Give the RBA the power to implement mandatory non-concessional super contributions to their super. It would be progressively scaled so it has smaller impact on low income people or 0% for those on benefits. It could be moved up and down like interest rates. RBA could raise interest rates a bit and or use this tool. If people or businesses do things to avoid it then they would be taxed or fined what they should have contributed.</t>
  </si>
  <si>
    <t>So this idea would spread the burden of controlling inflation across a wider number of people more directly. Likely reducing inflation faster as it would take more money out of more people’s pockets. Thus making it fairer. Also by putting the money into people’s super it strengthens their retirement allowing for less government money being spent on aged pension in the long run. Further more like banks the super funds would invest the money in to businesses and projects potentially increasing productivity. The productivity commission should also look into the merits of making sure these contributions be managed to be invested into Australian companies and if this is better or worse for inflation. Or the money could be devoted to net zero and clean energy infrastructure.</t>
  </si>
  <si>
    <t>Accredited tafe and university units built into graduates work</t>
  </si>
  <si>
    <t>As a worker goes up pay bands the skills they develop, training they complete and experience they gain should lead to further tafe and or university units depending on the job. For example in the social services sector each year a social worker could gain extra accredited units through their employers partnering with a tertiary education provider. This could be a unit in domestic and family violence, mental health, leadership, performance management depending on the role and their development pathway.</t>
  </si>
  <si>
    <t>This would allow employers and education providers to work closer together and develop better training pre-employment and also better professional development leading to better quality staff and thus higher productivity. Also it allows workers (especially low income workers) to more easily prove the skills they have and thus be more agile. They could move between jobs easier and it would incentivise more investment into people thus boosting productivity.</t>
  </si>
  <si>
    <t>University education</t>
  </si>
  <si>
    <t>I suggest that Australian universities should move to a trimester model as a default position so that people can complete undergraduate degrees in a shorter time period.</t>
  </si>
  <si>
    <t>For a major part of the calendar year university students can be academically idle. A standard 3 calendar year undergraduate degree probably includes around 30 weeks of university holidays. I believe that the current three year undergraduate degree could be completed within a 2-2 1/2 year timeframe. Shortening the timeframe of undergraduate degrees would make more efficient use of university infrastructure, increase the throughput of students through the education system, orientate students to the world of work where holiday leave can be more restrictive, and increase the cashflow of universities that can be used to employ more staff allowing the maintenance of a teaching/research balance.</t>
  </si>
  <si>
    <t>User-pays waste services</t>
  </si>
  <si>
    <t>Introducing to all urban local government areas residential verge-side bin weighing which would charge all waste service users on weight, and levy additional surcharges for increased waste weight.</t>
  </si>
  <si>
    <t>Each year local governments would set a standard residential verge-bin waste weight charge. Each year the weight of the bin would be reduced and the charge increased until such a time as that landfill volume sustainably decrease per-capita. Neighbourhoods could also opt-in for fortnightly (rather than weekly) only pick ups to reduce cost even if weight remains constant, only for the first two years, thus temporarily reducing some labour-use and transport requirements.</t>
  </si>
  <si>
    <t>Enable local governments to increase rates on underutilisated property</t>
  </si>
  <si>
    <t>Local governments would be able to increase rates on properties 10 acres or more that are zoned for urban residential development but have no development application pending.</t>
  </si>
  <si>
    <t>This proposal would disincentive land banking if urban zoned land, and incentivise development of residential land. Increasing urban land utilisation and increasing urban land availability would put downward pressure on residential land costs.</t>
  </si>
  <si>
    <t>Highly productive immigrants</t>
  </si>
  <si>
    <t>Limit availability for skills based immigration to industries that have above average labour force productivity.</t>
  </si>
  <si>
    <t>Duplication of recycling systems for beverage containers</t>
  </si>
  <si>
    <t>In the past, Local Governments had efficient kerbside yellow bin collections for beverage containers, and even made net positive revenue from selling yellow bin contents. Then State Governments introduced parallel container deposit ('return and earn' or 'change makers') schemes, for marginal improvements in recycling rates or litter reduction. These schemes are very popular, but impose high costs on society by having duplicated the collection system for beverage containers. Local Governments now have to pay to get half-empty yellow bins collected (net negative revenue). This makes the "circular economy" more expensive than it needs to be.</t>
  </si>
  <si>
    <t>There are probably better ways to support people on low incomes that rely on scavenging beverage containers from yellow bins. Broken glass contaminates other recyclates and has low value (often given away for free or sent to land fill) so the evidence may show it is better to put glass in the red bin, rather than having a complicated scheme to recover an unwanted resource (recycled aluminium and plastic are more valuable of course). Provide incentives for reusable beverage containers like sodastream? (Note tap beer already has a concessional alcohol excise rate compared with bottled beer.) I heard that Local Governments collectively now pay out several hundred million per annum to run the yellow bin service, that was profitable a decade ago, but don't have a source for that. Need to educate the public to understand the economics of recycling (too much mis-information makes 10 cent schemes very popular), particularly to educate people on the contamination caused by glass and the low economic value of recycled glass. Need to retain the tax on single use aluminium and plastic containers (manufacturer levies currently ~15 to 20 cents), double the tax on glass containers, while removing the refunds for returning them, by going back to a single yellow bin collection system. More generally, apply a more rigorous cost benefit test to other take-back or "circular economy" schemes.</t>
  </si>
  <si>
    <t>Engagement in creative and cultural activities can help build skills needed for rapid change</t>
  </si>
  <si>
    <t>The Arts, culture and creativity sectors have the power to unlock untold prosperity and productivity for Australians. According to the Australian Government's, Measuring What Matters framework released in 2023, "a prosperous society has ‘a dynamic, strong economy, invests in people’s skills and education, and provides broad opportunities for employment and well-paid, secure jobs."
A New Approach (Australia's national arts and culture think tank), has recently released a detailed report, Transformative Edge 2024, outlining the multitude of ways that arts, culture and creativity impact our prosperity, cohesion, security, health and sustainability. The summary of opportunities says:  "The evidence of the impacts detailed in this report presents an overriding opportunity to ensure all people in Australia have continued access to creative and cultural engagement. The proven benefits of access to arts, culture and creativity should be available to everyone, wherever they live and whoever they are. " Practical steps  to achieve this include: all levels of government developing a national cultural plan that addresses the 5 themes of the ABS's Measuring what Matters, governments to pursue a national partnership agreement to ensure equitable access to arts and culture and governments reviewing and removing blockages for investment in arts and culture.
Our arts and cultural organisations are ready and willing to deliver incredible programs to create life changing impact to Australian's, but need more resource and funding to do so.</t>
  </si>
  <si>
    <t>There are many benefits to investing in the arts including:
Creative and cultural engagement provides opportunities for active citizenship and democratic resilience. It contributes to security through fostering feelings and spaces of safety and international cultural relations and offering alternatives to violent protest.
Arts, culture and creativity support health and health determinants (e.g. social and economic environments) and provide a cost-effective complement to health services. Like any activity, creative and cultural engagement has positive and negative outcomes to consider when implementing policy and practice.
Culture influences environmental sustainability through its associated skills, practices and behaviours. This includes helping people and places to recover from natural disasters, adapt and develop future solutions. That said, related negative environmental impacts include emissions of the value chain – from the design and production to the distribution, consumption and disposal of creative goods and services.
Arts, culture and creativity build cohesion through promoting social connection and a sense of belonging to a place, a group or a cultural activity itself. However, experiences of disinterest, disengagement or exclusion may limit this social cohesion benefit.
Cultural and creative activities benefit the prosperity of children and teenagers, students, workers and the public via productivity growth, national and local incomes, job satisfaction, creative and critical thinking, educational or occupational aspirations.</t>
  </si>
  <si>
    <t>INCINERATION OF WASTE WITH ZERO RESIDUAL</t>
  </si>
  <si>
    <t>"Forever" waste such as plastics remain buried in the ground as solid poisons.
Over 40 years ago, Packer's CPH started importing a burning system called Superburn and tried to sell it to councils in Australia. The price was inhibitive for councils (around $5 million each) so the project was terminated, but the Japanese are still using such a system. It will burn waste with zero residue through filtering and would be an ideal solution to our mounting garbage problem nationwide.</t>
  </si>
  <si>
    <t>A company called Maishima Incineration Plant in Osaka Japan gives an example of the product. I remember how clean the burning was - the Japanese operators back in the eighties wore white gloves to show its efficiency. I have no commercial interest in this or any other product - I am a pensioner in my 80s trying to help with the environment, so the benefits are self-evident and I haven't heard of any other solutions to this major, ongoing problem.</t>
  </si>
  <si>
    <t>Raise GST threshold</t>
  </si>
  <si>
    <t>GST threshold at $75000 cripples micro businesses  which stunts them from growth. If you deduct commercial rent and one wage that equals $75000 these days. Being taxed 10% for GST and then again for income tax is crippling for businesses of this size.</t>
  </si>
  <si>
    <t>Raise GST threshold to at least $100 000</t>
  </si>
  <si>
    <t>Modular housing</t>
  </si>
  <si>
    <t>Support and incentivize the development of the modular housing industry including through the use of Structural Insulated Panels (SIPs) to:
- help de-carbonise the residential housing market
- help build more houses more quickly and 
- to build houses that are affordable, energy efficient and sustainable</t>
  </si>
  <si>
    <t>Modular housing products:
- reduce construction waste
- support energy- efficient manufacturing through factory optimisation and more precise construction techniques  
- are better sealed and insulated to reduce heating and cooling costs 
- are quicker to build with lower carbon footprint 
- are scalable and adaptable for multiple applications  
- reduce transport costs of trades moving to and from construction sites
- improve worker health and safety through more controlled, indoor assembly and construction</t>
  </si>
  <si>
    <t>Improve Ability for Companies to Work Across States</t>
  </si>
  <si>
    <t>Automatic Mutual Recognition allows individuals licensed one state to work in others without needing additional state licences. It is limited when the person is employed by a company that also needs to be licensed - companies are not covered and need to obtain licences in each state. If companies were covered by mutual recognition, this would allow businesses to operate flexibly across Australia and add to the benefits intended for individual workers' mobility.</t>
  </si>
  <si>
    <t>Red tape reduction - saving costs and regulatory burden. Would increase competition and flexibility in regulated industries.</t>
  </si>
  <si>
    <t>Reduce Administrative Burden for Employment</t>
  </si>
  <si>
    <t>Problem 
As a business (particularly an SME) it can be a painful and costly process to calculate employees’ tax liabilities each pay period and remit amounts to the ATO.  Apart from the administrative overhead and complexities to keep on top of, the business owner needs to keep on top of changes and has risks/liabilities if there’s any issues with their compliance.  The ATO also has a risk where businesses that fail have not remitted all tax for their employees.
Possible Solution 
Why can’t the banks look after this with employing businesses just being required to pay employees gross pay direct into a nominated salaries account at an ADI?  The banks are well-placed to amend their systems to do this.  There are 2.1M businesses in Australia and 39% of these have employees – it makes sense for a handful of ADIs to maintain systems to calculate and remit tax rather than 819,000 separate businesses.</t>
  </si>
  <si>
    <t>This would have a large red-tape reduction benefit and make it easier for SMEs to employ people and spend more time on essential business activities.</t>
  </si>
  <si>
    <t>East Coast gas reservation</t>
  </si>
  <si>
    <t>Storage tanks in NSW to cater for demand fluctuation.  Remove the power of the gas cartel to ship everything and sell to australians at inflated prices.  Bring the ownership of australian natural resources back to australians.</t>
  </si>
  <si>
    <t>The cost of power dictates the cost of everything, from production to cost of living.  Do something for the people and help end this per capita recession and inflation in one fell swoop.</t>
  </si>
  <si>
    <t>Reduce immigration to less than 100,000 a year to allow services and infrastructure to 'catchup' and squeeze out low productivity businesses</t>
  </si>
  <si>
    <t>Australia Governments have been complicit in supporting much higher rates of immigration than can be sustained by current and planned services and infrastructure. The strategy has disguised low productivity and economic growth by allowing governments to point to headline positive economic growth that would otherwise be negative if not for the record population growth. The real GDP per capita figures support this assertion. A major reset on immigration to return to long-term trend figures is required to ease pressure on services and infrastructure (including housing), boost productivity and give younger generations a fairer chance at prosperity.</t>
  </si>
  <si>
    <t>Lower levels of immigration will reduce pressure on services and infrastructure. Current population growth is unsustainable and is creating enormous pressure on services and infrastructure that State Governments cannot sufficiently fund. The costs of this are sapping productivity eg congestion. Despite reports to the contrary, reducing population growth will also ease skill shortages by reducing demand for services and infrastructure. Much of the service-led growth in the economy (eg health, care, education) is low productivity - and is crowding out the higher productivity market sector.</t>
  </si>
  <si>
    <t>Allow more housing</t>
  </si>
  <si>
    <t>State governments need to set and enforce high housing targets for local councils.  The Federal government should encourage, educate and assist.</t>
  </si>
  <si>
    <t>Every extra apartment in Sydney that is allowed creates $1million in value and costs $600,000 in resources (including profit, finance and other costs).  Moreover, the externalities from density, mainly in the form of technological improvement, are positive and large. This boost to productivity is stronger, clearer and better supported by research than most items on the Productivity Commission's agenda</t>
  </si>
  <si>
    <t>Reduce the transmission of illness in schools</t>
  </si>
  <si>
    <t>public health? infection control? workplace health and safety? anyone?</t>
  </si>
  <si>
    <t>I've just lost another 2.5 days of work because my kid picked up gastro at school. Surely there's something we can do so kids, teachers, school administrators, parents, carers, grandparents, and everyone else connected with schools spend more time being healthy (and productive!) and less time taking to our beds or slogging through at half pace? 
'Less infectious disease is good for the functioning of the workforce' seems like the kind of thing we learned around the Industrial Revolution, but maybe it's time to re-apply the lesson?</t>
  </si>
  <si>
    <t>Reserve Gas for Domestic use</t>
  </si>
  <si>
    <t>The SINGLE biggest thing that would boost productivity in Australia would be to reserve gas (about 10%) for domestic use before it is allowed to be sold overseas. High energy prices are a burden on ALL productivity in Australia. Gas (being the most flexible in starting up and shutting down) sets the marginal price for electricity. High gas prices mean high electricity prices, which means higher input costs for productivity. Higher productivity costs means marginal activates stop or never commence.   
By lowering gas prices (by reserving for domestic use) will lower energy costs for heating, electricity and manufacturing processes. This will lower the input costs for every activity in the East Coast of Australia (WA already reserves gas for domestic use.) In turn that would lower the costs of every product sold in Australia.  
Lowering gas prices would allow an increased use of renewable energy sources. Currently gas is more expensive to run for electricity generation than inflexible coal. As a result we need to curtail renewable energy. In countries like the USA, where gas prices are lower than coal they are replacing coal with renewables and gas. This would increase productivity by allowing a greater investment in renewable energy. 
This single change would solve Australia's cost of living crisis, inflation crisis and speed transition away from fossil fuels.</t>
  </si>
  <si>
    <t>By reserving gas for domestic use the outcomes will be:
- lower energy costs for heating, electricity and manufacturing processes.
This will result in the following benefits:
- lower primary input costs will lower the cost of everything. 
- lower inflation as input costs will 
- increased likelihood of manufacturing staying in Australia
- increase our transition to a net zero economy.</t>
  </si>
  <si>
    <t>Domestic gas reservation and or export levies to crash electricity prices, slash immigration</t>
  </si>
  <si>
    <t>The gas cartel is the marginal setter of electricity prices. Domestic gas reservation NOW, and export levies, PLUS build more southern storage and use the off season to pump gas south in existing pipelines for winter and peak summer event storage.
Super high (ie way above long term pre Howard rate of 90k p.a. ) is causing capital shallowing and crashing productivity.</t>
  </si>
  <si>
    <t>Lower energy prices, more manufacturing, lower interest rates
Higher productivity</t>
  </si>
  <si>
    <t>Skilled workforce two fold allow pensioners to work, fund apprenticeships</t>
  </si>
  <si>
    <t>With so many tradesman that are old start paying or half paying an apprentice wage that is enough for a young person to leave home and an employer to take on 2-3 app at a time. Stop wasting old timers knowledge and encourage them to work by not penalizing their pension</t>
  </si>
  <si>
    <t>Proudly live in Geraldton and there are so many old tradesman ready to retire but young tradesman trying to start their own business don't have the funds to compete with the mines for apprentices when they also loose a lot of time with them going to tafe. We need homes built and we need the skills in our youth that are disengaged from society to engage in something meaningful - they may not have the reading &amp; writing skills but have common sense. A forum of employers needs to be held to ask what these tradesmen need to be able to employ apprentices and stop bringing in overseas workers to do jobs that we have kids that could be doing. These need to be held in all country regions as the tradies can't leave their worksites for 3-4 days to attend one in Perth.</t>
  </si>
  <si>
    <t>Investment in a productive ideas economy</t>
  </si>
  <si>
    <t>Investment in an ideas economy requires sustained, high levels of funding for research and development and must cover basic and applied research. This will lead to the development of new industries, increasing Australia's productivity and economic resilience. A tripling of R&amp;D investment, simplification and uniformity of funding applications would reduce time spent writing unsuccessful funding applications. Increased job security and employment conditions of researchers and tertiary educators is also required to train the next generation, and ensure staff have the capacity for undertaking research in new productivity measures.</t>
  </si>
  <si>
    <t>Improvements in productivity are based on the development and application of new ideas. Numerous studies have shown every dollar invested in research delivers many multiples in profit. Yet we see record low funding in Australia for universities and research, ranking well below the average OECD investment as a share of GDP. Most funding schemes now have success rates of only 10%. As a result, many good ideas are left to wither or are taken up by competitors in an increasingly competitive and divided world. This leaves Australia with a highly fragile economy, dependant on a handful of resource companies and the whims of other nations. Sustained, increased investment in research and development is the basis for creating a dynamic and resilient economy. This includes funding for basic research, which is the foundation for the development of any new processes or technologies that have significant impacts on productivity. There must be a goal of increasing research funding to 3% of GDP within 5 years.
New ideas don't just appear, they require people with appropriate knowledge and skills to identify problems and develop potential solutions. Critical to this development process is providing people with sufficient time and security to invest in research. With record low R&amp;D funding, current researchers may spend 50% of their time unsuccessfully applying for funding. These application processes are also extremely complex and lengthy, with different agencies and formats required for each. This is a significant loss in time, which could be spent improving productivity. Uniformity and simplification of all funding applications would drastically reduce time waste.
Furthermore, the majority of Australia's researchers and tertiary educators are on casual or short term contracts. This leads to high staff turnover and loss of highly skilled people who are critical to the improvement of Australia's productivity. With the aim of increasing tertiary education participation rate to at least 80% by 2050, there must be a significant increase in the number of tertiary education staff. This can only be achieved by offering more secure jobs and employment conditions that enable high quality teaching and research.</t>
  </si>
  <si>
    <t>Immigration and Energy</t>
  </si>
  <si>
    <t>Slash immigration to 60k per annum to end crushloading and capital shallowing.
Apply domestic reservation to the East Coast gas cartel to fix all energy issues.</t>
  </si>
  <si>
    <t>Lower immigration &amp; energy costs will increase wages &amp; encourage employers to invest in capital assets that increase labour unit productivity.
Need capital deepening.
Lower energy costs will encourage investment in new capital assets</t>
  </si>
  <si>
    <t>Ideas to Improve Australia's Productivity</t>
  </si>
  <si>
    <t>1. Reduce the total net migration intake to 90,000 people per annum to end capital shallowing and allow infrastructure to be capable in supporting Australians.
2. Implement an Australian Domestic Gas Reservation Mechanism which sets aside sufficient Australian produced natural gas to meet domestic demand prior to exporting any surplus.</t>
  </si>
  <si>
    <t>Reducing net migration will eliminate housing and rental stress, bring down the price of housing to more affordable levels and improve GDP per capita by at least 1.5%.
Implementing a gas reservation mechanism will reduce gas prices and by extension power prices by at least 50%. This will flow through to the rest of the economy in goods and services cost reductio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4" x14ac:knownFonts="1">
    <font>
      <sz val="10"/>
      <color theme="1"/>
      <name val="Arial"/>
      <family val="2"/>
    </font>
    <font>
      <b/>
      <sz val="11"/>
      <color theme="1"/>
      <name val="Open Sans"/>
      <family val="2"/>
    </font>
    <font>
      <sz val="10"/>
      <color theme="1"/>
      <name val="Open Sans"/>
      <family val="2"/>
    </font>
    <font>
      <b/>
      <sz val="10"/>
      <color theme="1"/>
      <name val="Open Sans"/>
      <family val="2"/>
    </font>
  </fonts>
  <fills count="3">
    <fill>
      <patternFill patternType="none"/>
    </fill>
    <fill>
      <patternFill patternType="gray125"/>
    </fill>
    <fill>
      <patternFill patternType="solid">
        <fgColor theme="0" tint="-0.14999847407452621"/>
        <bgColor theme="0" tint="-0.14999847407452621"/>
      </patternFill>
    </fill>
  </fills>
  <borders count="3">
    <border>
      <left/>
      <right/>
      <top/>
      <bottom/>
      <diagonal/>
    </border>
    <border>
      <left style="thin">
        <color theme="1"/>
      </left>
      <right style="thin">
        <color theme="1"/>
      </right>
      <top style="thin">
        <color theme="1"/>
      </top>
      <bottom style="medium">
        <color theme="1"/>
      </bottom>
      <diagonal/>
    </border>
    <border>
      <left style="thin">
        <color theme="1"/>
      </left>
      <right style="thin">
        <color theme="1"/>
      </right>
      <top style="thin">
        <color theme="1"/>
      </top>
      <bottom style="thin">
        <color theme="1"/>
      </bottom>
      <diagonal/>
    </border>
  </borders>
  <cellStyleXfs count="1">
    <xf numFmtId="0" fontId="0" fillId="0" borderId="0"/>
  </cellStyleXfs>
  <cellXfs count="8">
    <xf numFmtId="0" fontId="0" fillId="0" borderId="0" xfId="0"/>
    <xf numFmtId="0" fontId="1" fillId="0" borderId="1" xfId="0" applyFont="1" applyBorder="1" applyAlignment="1">
      <alignment vertical="top" wrapText="1"/>
    </xf>
    <xf numFmtId="0" fontId="2" fillId="0" borderId="0" xfId="0" applyFont="1" applyAlignment="1">
      <alignment wrapText="1"/>
    </xf>
    <xf numFmtId="0" fontId="2" fillId="2" borderId="2" xfId="0" applyFont="1" applyFill="1" applyBorder="1" applyAlignment="1">
      <alignment vertical="top" wrapText="1"/>
    </xf>
    <xf numFmtId="0" fontId="2" fillId="0" borderId="2" xfId="0" applyFont="1" applyBorder="1" applyAlignment="1">
      <alignment vertical="top" wrapText="1"/>
    </xf>
    <xf numFmtId="0" fontId="3" fillId="2" borderId="2" xfId="0" applyFont="1" applyFill="1" applyBorder="1" applyAlignment="1">
      <alignment vertical="top" wrapText="1"/>
    </xf>
    <xf numFmtId="0" fontId="3" fillId="0" borderId="2" xfId="0" applyFont="1" applyBorder="1" applyAlignment="1">
      <alignment vertical="top" wrapText="1"/>
    </xf>
    <xf numFmtId="0" fontId="3" fillId="0" borderId="0" xfId="0" applyFont="1" applyAlignment="1">
      <alignment wrapText="1"/>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theme/theme1.xml><?xml version="1.0" encoding="utf-8"?>
<a:theme xmlns:a="http://schemas.openxmlformats.org/drawingml/2006/main" name="ProdCommTheme-new">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I453"/>
  <sheetViews>
    <sheetView tabSelected="1" workbookViewId="0"/>
  </sheetViews>
  <sheetFormatPr defaultColWidth="47.36328125" defaultRowHeight="14.5" x14ac:dyDescent="0.4"/>
  <cols>
    <col min="1" max="1" width="47.36328125" style="7"/>
    <col min="2" max="3" width="47.36328125" style="2"/>
    <col min="4" max="9" width="27.6328125" style="2" customWidth="1"/>
    <col min="10" max="16384" width="47.36328125" style="2"/>
  </cols>
  <sheetData>
    <row r="1" spans="1:9" ht="46" customHeight="1" thickBot="1" x14ac:dyDescent="0.45">
      <c r="A1" s="1" t="s">
        <v>0</v>
      </c>
      <c r="B1" s="1" t="s">
        <v>1</v>
      </c>
      <c r="C1" s="1" t="s">
        <v>2</v>
      </c>
      <c r="D1" s="1" t="s">
        <v>3</v>
      </c>
      <c r="E1" s="1" t="s">
        <v>4</v>
      </c>
      <c r="F1" s="1" t="s">
        <v>5</v>
      </c>
      <c r="G1" s="1" t="s">
        <v>6</v>
      </c>
      <c r="H1" s="1" t="s">
        <v>7</v>
      </c>
      <c r="I1" s="1" t="s">
        <v>8</v>
      </c>
    </row>
    <row r="2" spans="1:9" ht="409.5" x14ac:dyDescent="0.4">
      <c r="A2" s="5" t="s">
        <v>9</v>
      </c>
      <c r="B2" s="3" t="s">
        <v>10</v>
      </c>
      <c r="C2" s="3" t="s">
        <v>11</v>
      </c>
      <c r="D2" s="3" t="s">
        <v>12</v>
      </c>
      <c r="E2" s="3" t="s">
        <v>12</v>
      </c>
      <c r="F2" s="3" t="s">
        <v>12</v>
      </c>
      <c r="G2" s="3" t="s">
        <v>13</v>
      </c>
      <c r="H2" s="3" t="s">
        <v>12</v>
      </c>
      <c r="I2" s="3" t="s">
        <v>13</v>
      </c>
    </row>
    <row r="3" spans="1:9" ht="362.5" x14ac:dyDescent="0.4">
      <c r="A3" s="6" t="s">
        <v>14</v>
      </c>
      <c r="B3" s="4" t="s">
        <v>15</v>
      </c>
      <c r="C3" s="4" t="s">
        <v>16</v>
      </c>
      <c r="D3" s="4" t="s">
        <v>13</v>
      </c>
      <c r="E3" s="4" t="s">
        <v>13</v>
      </c>
      <c r="F3" s="4" t="s">
        <v>13</v>
      </c>
      <c r="G3" s="4" t="s">
        <v>13</v>
      </c>
      <c r="H3" s="4" t="s">
        <v>12</v>
      </c>
      <c r="I3" s="4" t="s">
        <v>13</v>
      </c>
    </row>
    <row r="4" spans="1:9" ht="87" x14ac:dyDescent="0.4">
      <c r="A4" s="5" t="s">
        <v>17</v>
      </c>
      <c r="B4" s="3" t="s">
        <v>18</v>
      </c>
      <c r="C4" s="3" t="s">
        <v>19</v>
      </c>
      <c r="D4" s="3" t="s">
        <v>13</v>
      </c>
      <c r="E4" s="3" t="s">
        <v>13</v>
      </c>
      <c r="F4" s="3" t="s">
        <v>12</v>
      </c>
      <c r="G4" s="3" t="s">
        <v>13</v>
      </c>
      <c r="H4" s="3" t="s">
        <v>13</v>
      </c>
      <c r="I4" s="3" t="s">
        <v>13</v>
      </c>
    </row>
    <row r="5" spans="1:9" ht="362.5" x14ac:dyDescent="0.4">
      <c r="A5" s="6" t="s">
        <v>20</v>
      </c>
      <c r="B5" s="4" t="s">
        <v>21</v>
      </c>
      <c r="C5" s="4" t="s">
        <v>22</v>
      </c>
      <c r="D5" s="4" t="s">
        <v>12</v>
      </c>
      <c r="E5" s="4" t="s">
        <v>12</v>
      </c>
      <c r="F5" s="4" t="s">
        <v>13</v>
      </c>
      <c r="G5" s="4" t="s">
        <v>13</v>
      </c>
      <c r="H5" s="4" t="s">
        <v>13</v>
      </c>
      <c r="I5" s="4" t="s">
        <v>13</v>
      </c>
    </row>
    <row r="6" spans="1:9" ht="409.5" x14ac:dyDescent="0.4">
      <c r="A6" s="5" t="s">
        <v>23</v>
      </c>
      <c r="B6" s="3" t="s">
        <v>24</v>
      </c>
      <c r="C6" s="3" t="s">
        <v>25</v>
      </c>
      <c r="D6" s="3" t="s">
        <v>12</v>
      </c>
      <c r="E6" s="3" t="s">
        <v>12</v>
      </c>
      <c r="F6" s="3" t="s">
        <v>13</v>
      </c>
      <c r="G6" s="3" t="s">
        <v>13</v>
      </c>
      <c r="H6" s="3" t="s">
        <v>12</v>
      </c>
      <c r="I6" s="3" t="s">
        <v>13</v>
      </c>
    </row>
    <row r="7" spans="1:9" ht="409.5" x14ac:dyDescent="0.4">
      <c r="A7" s="6" t="s">
        <v>26</v>
      </c>
      <c r="B7" s="4" t="s">
        <v>27</v>
      </c>
      <c r="C7" s="4" t="s">
        <v>28</v>
      </c>
      <c r="D7" s="4" t="s">
        <v>12</v>
      </c>
      <c r="E7" s="4" t="s">
        <v>13</v>
      </c>
      <c r="F7" s="4" t="s">
        <v>13</v>
      </c>
      <c r="G7" s="4" t="s">
        <v>13</v>
      </c>
      <c r="H7" s="4" t="s">
        <v>13</v>
      </c>
      <c r="I7" s="4" t="s">
        <v>13</v>
      </c>
    </row>
    <row r="8" spans="1:9" ht="409.5" x14ac:dyDescent="0.4">
      <c r="A8" s="5" t="s">
        <v>29</v>
      </c>
      <c r="B8" s="3" t="s">
        <v>30</v>
      </c>
      <c r="C8" s="3" t="s">
        <v>31</v>
      </c>
      <c r="D8" s="3" t="s">
        <v>12</v>
      </c>
      <c r="E8" s="3" t="s">
        <v>12</v>
      </c>
      <c r="F8" s="3" t="s">
        <v>13</v>
      </c>
      <c r="G8" s="3" t="s">
        <v>12</v>
      </c>
      <c r="H8" s="3" t="s">
        <v>13</v>
      </c>
      <c r="I8" s="3" t="s">
        <v>13</v>
      </c>
    </row>
    <row r="9" spans="1:9" ht="409.5" x14ac:dyDescent="0.4">
      <c r="A9" s="6" t="s">
        <v>32</v>
      </c>
      <c r="B9" s="4" t="s">
        <v>33</v>
      </c>
      <c r="C9" s="4" t="s">
        <v>34</v>
      </c>
      <c r="D9" s="4" t="s">
        <v>12</v>
      </c>
      <c r="E9" s="4" t="s">
        <v>12</v>
      </c>
      <c r="F9" s="4" t="s">
        <v>13</v>
      </c>
      <c r="G9" s="4" t="s">
        <v>12</v>
      </c>
      <c r="H9" s="4" t="s">
        <v>13</v>
      </c>
      <c r="I9" s="4" t="s">
        <v>13</v>
      </c>
    </row>
    <row r="10" spans="1:9" ht="409.5" x14ac:dyDescent="0.4">
      <c r="A10" s="5" t="s">
        <v>35</v>
      </c>
      <c r="B10" s="3" t="s">
        <v>36</v>
      </c>
      <c r="C10" s="3" t="s">
        <v>37</v>
      </c>
      <c r="D10" s="3" t="s">
        <v>12</v>
      </c>
      <c r="E10" s="3" t="s">
        <v>12</v>
      </c>
      <c r="F10" s="3" t="s">
        <v>13</v>
      </c>
      <c r="G10" s="3" t="s">
        <v>13</v>
      </c>
      <c r="H10" s="3" t="s">
        <v>13</v>
      </c>
      <c r="I10" s="3" t="s">
        <v>13</v>
      </c>
    </row>
    <row r="11" spans="1:9" ht="409.5" x14ac:dyDescent="0.4">
      <c r="A11" s="6" t="s">
        <v>38</v>
      </c>
      <c r="B11" s="4" t="s">
        <v>39</v>
      </c>
      <c r="C11" s="4" t="s">
        <v>40</v>
      </c>
      <c r="D11" s="4" t="s">
        <v>12</v>
      </c>
      <c r="E11" s="4" t="s">
        <v>12</v>
      </c>
      <c r="F11" s="4" t="s">
        <v>13</v>
      </c>
      <c r="G11" s="4" t="s">
        <v>13</v>
      </c>
      <c r="H11" s="4" t="s">
        <v>13</v>
      </c>
      <c r="I11" s="4" t="s">
        <v>13</v>
      </c>
    </row>
    <row r="12" spans="1:9" ht="409.5" x14ac:dyDescent="0.4">
      <c r="A12" s="5" t="s">
        <v>41</v>
      </c>
      <c r="B12" s="3" t="s">
        <v>42</v>
      </c>
      <c r="C12" s="3" t="s">
        <v>43</v>
      </c>
      <c r="D12" s="3" t="s">
        <v>12</v>
      </c>
      <c r="E12" s="3" t="s">
        <v>12</v>
      </c>
      <c r="F12" s="3" t="s">
        <v>12</v>
      </c>
      <c r="G12" s="3" t="s">
        <v>13</v>
      </c>
      <c r="H12" s="3" t="s">
        <v>13</v>
      </c>
      <c r="I12" s="3" t="s">
        <v>13</v>
      </c>
    </row>
    <row r="13" spans="1:9" ht="348" x14ac:dyDescent="0.4">
      <c r="A13" s="6" t="s">
        <v>44</v>
      </c>
      <c r="B13" s="4" t="s">
        <v>45</v>
      </c>
      <c r="C13" s="4" t="s">
        <v>46</v>
      </c>
      <c r="D13" s="4" t="s">
        <v>12</v>
      </c>
      <c r="E13" s="4" t="s">
        <v>12</v>
      </c>
      <c r="F13" s="4" t="s">
        <v>12</v>
      </c>
      <c r="G13" s="4" t="s">
        <v>12</v>
      </c>
      <c r="H13" s="4" t="s">
        <v>12</v>
      </c>
      <c r="I13" s="4" t="s">
        <v>13</v>
      </c>
    </row>
    <row r="14" spans="1:9" ht="409.5" x14ac:dyDescent="0.4">
      <c r="A14" s="5" t="s">
        <v>47</v>
      </c>
      <c r="B14" s="3" t="e">
        <f>- Australia’s net zero transition comes as we face the twin challenges of biodiversity loss and climate change impacts, all with significant implications for land use, productivity and natural capital
- Integrated solutions at relevant scales are needed
- A joined-up approach could leverage existing systems and capability to develop Integrated solutions and achieve net zero in an efficient, productive, sustainable way
- Australia’s regional natural Resource Management (NRM) framework provides an example</f>
        <v>#NAME?</v>
      </c>
      <c r="C14" s="3" t="s">
        <v>48</v>
      </c>
      <c r="D14" s="3" t="s">
        <v>13</v>
      </c>
      <c r="E14" s="3" t="s">
        <v>13</v>
      </c>
      <c r="F14" s="3" t="s">
        <v>13</v>
      </c>
      <c r="G14" s="3" t="s">
        <v>13</v>
      </c>
      <c r="H14" s="3" t="s">
        <v>12</v>
      </c>
      <c r="I14" s="3" t="s">
        <v>13</v>
      </c>
    </row>
    <row r="15" spans="1:9" ht="409.5" x14ac:dyDescent="0.4">
      <c r="A15" s="6" t="s">
        <v>49</v>
      </c>
      <c r="B15" s="4" t="s">
        <v>50</v>
      </c>
      <c r="C15" s="4" t="s">
        <v>51</v>
      </c>
      <c r="D15" s="4" t="s">
        <v>12</v>
      </c>
      <c r="E15" s="4" t="s">
        <v>12</v>
      </c>
      <c r="F15" s="4" t="s">
        <v>12</v>
      </c>
      <c r="G15" s="4" t="s">
        <v>13</v>
      </c>
      <c r="H15" s="4" t="s">
        <v>13</v>
      </c>
      <c r="I15" s="4" t="s">
        <v>13</v>
      </c>
    </row>
    <row r="16" spans="1:9" ht="58" x14ac:dyDescent="0.4">
      <c r="A16" s="5" t="s">
        <v>52</v>
      </c>
      <c r="B16" s="3" t="s">
        <v>53</v>
      </c>
      <c r="C16" s="3" t="s">
        <v>54</v>
      </c>
      <c r="D16" s="3" t="s">
        <v>12</v>
      </c>
      <c r="E16" s="3" t="s">
        <v>12</v>
      </c>
      <c r="F16" s="3" t="s">
        <v>13</v>
      </c>
      <c r="G16" s="3" t="s">
        <v>13</v>
      </c>
      <c r="H16" s="3" t="s">
        <v>13</v>
      </c>
      <c r="I16" s="3" t="s">
        <v>13</v>
      </c>
    </row>
    <row r="17" spans="1:9" ht="377" x14ac:dyDescent="0.4">
      <c r="A17" s="6" t="s">
        <v>55</v>
      </c>
      <c r="B17" s="4" t="s">
        <v>56</v>
      </c>
      <c r="C17" s="4" t="s">
        <v>57</v>
      </c>
      <c r="D17" s="4" t="s">
        <v>12</v>
      </c>
      <c r="E17" s="4" t="s">
        <v>12</v>
      </c>
      <c r="F17" s="4" t="s">
        <v>13</v>
      </c>
      <c r="G17" s="4" t="s">
        <v>13</v>
      </c>
      <c r="H17" s="4" t="s">
        <v>13</v>
      </c>
      <c r="I17" s="4" t="s">
        <v>13</v>
      </c>
    </row>
    <row r="18" spans="1:9" ht="409.5" x14ac:dyDescent="0.4">
      <c r="A18" s="5" t="s">
        <v>58</v>
      </c>
      <c r="B18" s="3" t="s">
        <v>59</v>
      </c>
      <c r="C18" s="3" t="s">
        <v>60</v>
      </c>
      <c r="D18" s="3" t="s">
        <v>12</v>
      </c>
      <c r="E18" s="3" t="s">
        <v>13</v>
      </c>
      <c r="F18" s="3" t="s">
        <v>12</v>
      </c>
      <c r="G18" s="3" t="s">
        <v>12</v>
      </c>
      <c r="H18" s="3" t="s">
        <v>12</v>
      </c>
      <c r="I18" s="3" t="s">
        <v>13</v>
      </c>
    </row>
    <row r="19" spans="1:9" ht="304.5" x14ac:dyDescent="0.4">
      <c r="A19" s="6" t="s">
        <v>61</v>
      </c>
      <c r="B19" s="4" t="s">
        <v>62</v>
      </c>
      <c r="C19" s="4" t="s">
        <v>63</v>
      </c>
      <c r="D19" s="4" t="s">
        <v>12</v>
      </c>
      <c r="E19" s="4" t="s">
        <v>13</v>
      </c>
      <c r="F19" s="4" t="s">
        <v>13</v>
      </c>
      <c r="G19" s="4" t="s">
        <v>13</v>
      </c>
      <c r="H19" s="4" t="s">
        <v>13</v>
      </c>
      <c r="I19" s="4" t="s">
        <v>13</v>
      </c>
    </row>
    <row r="20" spans="1:9" ht="409.5" x14ac:dyDescent="0.4">
      <c r="A20" s="5" t="s">
        <v>64</v>
      </c>
      <c r="B20" s="3" t="s">
        <v>65</v>
      </c>
      <c r="C20" s="3" t="s">
        <v>66</v>
      </c>
      <c r="D20" s="3" t="s">
        <v>12</v>
      </c>
      <c r="E20" s="3" t="s">
        <v>12</v>
      </c>
      <c r="F20" s="3" t="s">
        <v>12</v>
      </c>
      <c r="G20" s="3" t="s">
        <v>13</v>
      </c>
      <c r="H20" s="3" t="s">
        <v>12</v>
      </c>
      <c r="I20" s="3" t="s">
        <v>13</v>
      </c>
    </row>
    <row r="21" spans="1:9" ht="409.5" x14ac:dyDescent="0.4">
      <c r="A21" s="6" t="s">
        <v>67</v>
      </c>
      <c r="B21" s="4" t="s">
        <v>68</v>
      </c>
      <c r="C21" s="4" t="s">
        <v>69</v>
      </c>
      <c r="D21" s="4" t="s">
        <v>13</v>
      </c>
      <c r="E21" s="4" t="s">
        <v>13</v>
      </c>
      <c r="F21" s="4" t="s">
        <v>13</v>
      </c>
      <c r="G21" s="4" t="s">
        <v>12</v>
      </c>
      <c r="H21" s="4" t="s">
        <v>13</v>
      </c>
      <c r="I21" s="4" t="s">
        <v>13</v>
      </c>
    </row>
    <row r="22" spans="1:9" ht="261" x14ac:dyDescent="0.4">
      <c r="A22" s="5" t="s">
        <v>70</v>
      </c>
      <c r="B22" s="3" t="s">
        <v>71</v>
      </c>
      <c r="C22" s="3" t="s">
        <v>72</v>
      </c>
      <c r="D22" s="3" t="s">
        <v>12</v>
      </c>
      <c r="E22" s="3" t="s">
        <v>13</v>
      </c>
      <c r="F22" s="3" t="s">
        <v>13</v>
      </c>
      <c r="G22" s="3" t="s">
        <v>12</v>
      </c>
      <c r="H22" s="3" t="s">
        <v>13</v>
      </c>
      <c r="I22" s="3" t="s">
        <v>13</v>
      </c>
    </row>
    <row r="23" spans="1:9" ht="409.5" x14ac:dyDescent="0.4">
      <c r="A23" s="6" t="s">
        <v>73</v>
      </c>
      <c r="B23" s="4" t="s">
        <v>74</v>
      </c>
      <c r="C23" s="4" t="s">
        <v>75</v>
      </c>
      <c r="D23" s="4" t="s">
        <v>13</v>
      </c>
      <c r="E23" s="4" t="s">
        <v>12</v>
      </c>
      <c r="F23" s="4" t="s">
        <v>13</v>
      </c>
      <c r="G23" s="4" t="s">
        <v>12</v>
      </c>
      <c r="H23" s="4" t="s">
        <v>13</v>
      </c>
      <c r="I23" s="4" t="s">
        <v>13</v>
      </c>
    </row>
    <row r="24" spans="1:9" ht="409.5" x14ac:dyDescent="0.4">
      <c r="A24" s="5" t="s">
        <v>76</v>
      </c>
      <c r="B24" s="3" t="s">
        <v>77</v>
      </c>
      <c r="C24" s="3" t="s">
        <v>78</v>
      </c>
      <c r="D24" s="3" t="s">
        <v>12</v>
      </c>
      <c r="E24" s="3" t="s">
        <v>13</v>
      </c>
      <c r="F24" s="3" t="s">
        <v>13</v>
      </c>
      <c r="G24" s="3" t="s">
        <v>13</v>
      </c>
      <c r="H24" s="3" t="s">
        <v>13</v>
      </c>
      <c r="I24" s="3" t="s">
        <v>13</v>
      </c>
    </row>
    <row r="25" spans="1:9" ht="275.5" x14ac:dyDescent="0.4">
      <c r="A25" s="6" t="s">
        <v>79</v>
      </c>
      <c r="B25" s="4" t="s">
        <v>80</v>
      </c>
      <c r="C25" s="4" t="s">
        <v>81</v>
      </c>
      <c r="D25" s="4" t="s">
        <v>12</v>
      </c>
      <c r="E25" s="4" t="s">
        <v>13</v>
      </c>
      <c r="F25" s="4" t="s">
        <v>13</v>
      </c>
      <c r="G25" s="4" t="s">
        <v>13</v>
      </c>
      <c r="H25" s="4" t="s">
        <v>12</v>
      </c>
      <c r="I25" s="4" t="s">
        <v>13</v>
      </c>
    </row>
    <row r="26" spans="1:9" ht="391.5" x14ac:dyDescent="0.4">
      <c r="A26" s="5" t="s">
        <v>82</v>
      </c>
      <c r="B26" s="3" t="s">
        <v>83</v>
      </c>
      <c r="C26" s="3" t="s">
        <v>84</v>
      </c>
      <c r="D26" s="3" t="s">
        <v>12</v>
      </c>
      <c r="E26" s="3" t="s">
        <v>13</v>
      </c>
      <c r="F26" s="3" t="s">
        <v>13</v>
      </c>
      <c r="G26" s="3" t="s">
        <v>13</v>
      </c>
      <c r="H26" s="3" t="s">
        <v>12</v>
      </c>
      <c r="I26" s="3" t="s">
        <v>13</v>
      </c>
    </row>
    <row r="27" spans="1:9" ht="377" x14ac:dyDescent="0.4">
      <c r="A27" s="6" t="s">
        <v>85</v>
      </c>
      <c r="B27" s="4" t="s">
        <v>86</v>
      </c>
      <c r="C27" s="4" t="s">
        <v>87</v>
      </c>
      <c r="D27" s="4" t="s">
        <v>12</v>
      </c>
      <c r="E27" s="4" t="s">
        <v>12</v>
      </c>
      <c r="F27" s="4" t="s">
        <v>13</v>
      </c>
      <c r="G27" s="4" t="s">
        <v>12</v>
      </c>
      <c r="H27" s="4" t="s">
        <v>13</v>
      </c>
      <c r="I27" s="4" t="s">
        <v>13</v>
      </c>
    </row>
    <row r="28" spans="1:9" ht="409.5" x14ac:dyDescent="0.4">
      <c r="A28" s="5" t="s">
        <v>88</v>
      </c>
      <c r="B28" s="3" t="s">
        <v>89</v>
      </c>
      <c r="C28" s="3" t="s">
        <v>90</v>
      </c>
      <c r="D28" s="3" t="s">
        <v>12</v>
      </c>
      <c r="E28" s="3" t="s">
        <v>12</v>
      </c>
      <c r="F28" s="3" t="s">
        <v>13</v>
      </c>
      <c r="G28" s="3" t="s">
        <v>12</v>
      </c>
      <c r="H28" s="3" t="s">
        <v>13</v>
      </c>
      <c r="I28" s="3" t="s">
        <v>13</v>
      </c>
    </row>
    <row r="29" spans="1:9" ht="409.5" x14ac:dyDescent="0.4">
      <c r="A29" s="6" t="s">
        <v>91</v>
      </c>
      <c r="B29" s="4" t="s">
        <v>92</v>
      </c>
      <c r="C29" s="4" t="s">
        <v>93</v>
      </c>
      <c r="D29" s="4" t="s">
        <v>12</v>
      </c>
      <c r="E29" s="4" t="s">
        <v>12</v>
      </c>
      <c r="F29" s="4" t="s">
        <v>12</v>
      </c>
      <c r="G29" s="4" t="s">
        <v>12</v>
      </c>
      <c r="H29" s="4" t="s">
        <v>12</v>
      </c>
      <c r="I29" s="4" t="s">
        <v>13</v>
      </c>
    </row>
    <row r="30" spans="1:9" ht="409.5" x14ac:dyDescent="0.4">
      <c r="A30" s="5" t="s">
        <v>94</v>
      </c>
      <c r="B30" s="3" t="s">
        <v>95</v>
      </c>
      <c r="C30" s="3" t="s">
        <v>96</v>
      </c>
      <c r="D30" s="3" t="s">
        <v>12</v>
      </c>
      <c r="E30" s="3" t="s">
        <v>12</v>
      </c>
      <c r="F30" s="3" t="s">
        <v>13</v>
      </c>
      <c r="G30" s="3" t="s">
        <v>13</v>
      </c>
      <c r="H30" s="3" t="s">
        <v>13</v>
      </c>
      <c r="I30" s="3" t="s">
        <v>13</v>
      </c>
    </row>
    <row r="31" spans="1:9" ht="409.5" x14ac:dyDescent="0.4">
      <c r="A31" s="6" t="s">
        <v>97</v>
      </c>
      <c r="B31" s="4" t="s">
        <v>98</v>
      </c>
      <c r="C31" s="4" t="s">
        <v>99</v>
      </c>
      <c r="D31" s="4" t="s">
        <v>12</v>
      </c>
      <c r="E31" s="4" t="s">
        <v>12</v>
      </c>
      <c r="F31" s="4" t="s">
        <v>12</v>
      </c>
      <c r="G31" s="4" t="s">
        <v>12</v>
      </c>
      <c r="H31" s="4" t="s">
        <v>12</v>
      </c>
      <c r="I31" s="4" t="s">
        <v>13</v>
      </c>
    </row>
    <row r="32" spans="1:9" ht="409.5" x14ac:dyDescent="0.4">
      <c r="A32" s="5" t="s">
        <v>100</v>
      </c>
      <c r="B32" s="3" t="s">
        <v>101</v>
      </c>
      <c r="C32" s="3" t="s">
        <v>102</v>
      </c>
      <c r="D32" s="3" t="s">
        <v>13</v>
      </c>
      <c r="E32" s="3" t="s">
        <v>12</v>
      </c>
      <c r="F32" s="3" t="s">
        <v>13</v>
      </c>
      <c r="G32" s="3" t="s">
        <v>13</v>
      </c>
      <c r="H32" s="3" t="s">
        <v>13</v>
      </c>
      <c r="I32" s="3" t="s">
        <v>13</v>
      </c>
    </row>
    <row r="33" spans="1:9" ht="275.5" x14ac:dyDescent="0.4">
      <c r="A33" s="6" t="s">
        <v>103</v>
      </c>
      <c r="B33" s="4" t="s">
        <v>104</v>
      </c>
      <c r="C33" s="4" t="s">
        <v>105</v>
      </c>
      <c r="D33" s="4" t="s">
        <v>13</v>
      </c>
      <c r="E33" s="4" t="s">
        <v>12</v>
      </c>
      <c r="F33" s="4" t="s">
        <v>13</v>
      </c>
      <c r="G33" s="4" t="s">
        <v>13</v>
      </c>
      <c r="H33" s="4" t="s">
        <v>13</v>
      </c>
      <c r="I33" s="4" t="s">
        <v>13</v>
      </c>
    </row>
    <row r="34" spans="1:9" ht="409.5" x14ac:dyDescent="0.4">
      <c r="A34" s="5" t="s">
        <v>106</v>
      </c>
      <c r="B34" s="3" t="s">
        <v>107</v>
      </c>
      <c r="C34" s="3" t="s">
        <v>108</v>
      </c>
      <c r="D34" s="3" t="s">
        <v>13</v>
      </c>
      <c r="E34" s="3" t="s">
        <v>12</v>
      </c>
      <c r="F34" s="3" t="s">
        <v>13</v>
      </c>
      <c r="G34" s="3" t="s">
        <v>13</v>
      </c>
      <c r="H34" s="3" t="s">
        <v>13</v>
      </c>
      <c r="I34" s="3" t="s">
        <v>13</v>
      </c>
    </row>
    <row r="35" spans="1:9" ht="319" x14ac:dyDescent="0.4">
      <c r="A35" s="6" t="s">
        <v>109</v>
      </c>
      <c r="B35" s="4" t="s">
        <v>110</v>
      </c>
      <c r="C35" s="4"/>
      <c r="D35" s="4" t="s">
        <v>12</v>
      </c>
      <c r="E35" s="4" t="s">
        <v>12</v>
      </c>
      <c r="F35" s="4" t="s">
        <v>13</v>
      </c>
      <c r="G35" s="4" t="s">
        <v>13</v>
      </c>
      <c r="H35" s="4" t="s">
        <v>13</v>
      </c>
      <c r="I35" s="4" t="s">
        <v>13</v>
      </c>
    </row>
    <row r="36" spans="1:9" ht="406" x14ac:dyDescent="0.4">
      <c r="A36" s="5" t="s">
        <v>111</v>
      </c>
      <c r="B36" s="3" t="s">
        <v>112</v>
      </c>
      <c r="C36" s="3" t="s">
        <v>113</v>
      </c>
      <c r="D36" s="3" t="s">
        <v>12</v>
      </c>
      <c r="E36" s="3" t="s">
        <v>12</v>
      </c>
      <c r="F36" s="3" t="s">
        <v>12</v>
      </c>
      <c r="G36" s="3" t="s">
        <v>12</v>
      </c>
      <c r="H36" s="3" t="s">
        <v>13</v>
      </c>
      <c r="I36" s="3" t="s">
        <v>13</v>
      </c>
    </row>
    <row r="37" spans="1:9" ht="409.5" x14ac:dyDescent="0.4">
      <c r="A37" s="6" t="s">
        <v>114</v>
      </c>
      <c r="B37" s="4" t="s">
        <v>115</v>
      </c>
      <c r="C37" s="4" t="s">
        <v>116</v>
      </c>
      <c r="D37" s="4" t="s">
        <v>12</v>
      </c>
      <c r="E37" s="4" t="s">
        <v>12</v>
      </c>
      <c r="F37" s="4" t="s">
        <v>12</v>
      </c>
      <c r="G37" s="4" t="s">
        <v>12</v>
      </c>
      <c r="H37" s="4" t="s">
        <v>12</v>
      </c>
      <c r="I37" s="4" t="s">
        <v>13</v>
      </c>
    </row>
    <row r="38" spans="1:9" ht="409.5" x14ac:dyDescent="0.4">
      <c r="A38" s="5" t="s">
        <v>117</v>
      </c>
      <c r="B38" s="3" t="s">
        <v>118</v>
      </c>
      <c r="C38" s="3" t="s">
        <v>119</v>
      </c>
      <c r="D38" s="3" t="s">
        <v>12</v>
      </c>
      <c r="E38" s="3" t="s">
        <v>13</v>
      </c>
      <c r="F38" s="3" t="s">
        <v>13</v>
      </c>
      <c r="G38" s="3" t="s">
        <v>13</v>
      </c>
      <c r="H38" s="3" t="s">
        <v>13</v>
      </c>
      <c r="I38" s="3" t="s">
        <v>13</v>
      </c>
    </row>
    <row r="39" spans="1:9" ht="409.5" x14ac:dyDescent="0.4">
      <c r="A39" s="6" t="s">
        <v>120</v>
      </c>
      <c r="B39" s="4" t="s">
        <v>121</v>
      </c>
      <c r="C39" s="4" t="s">
        <v>122</v>
      </c>
      <c r="D39" s="4" t="s">
        <v>12</v>
      </c>
      <c r="E39" s="4" t="s">
        <v>13</v>
      </c>
      <c r="F39" s="4" t="s">
        <v>13</v>
      </c>
      <c r="G39" s="4" t="s">
        <v>13</v>
      </c>
      <c r="H39" s="4" t="s">
        <v>13</v>
      </c>
      <c r="I39" s="4" t="s">
        <v>13</v>
      </c>
    </row>
    <row r="40" spans="1:9" ht="362.5" x14ac:dyDescent="0.4">
      <c r="A40" s="5" t="s">
        <v>123</v>
      </c>
      <c r="B40" s="3" t="s">
        <v>124</v>
      </c>
      <c r="C40" s="3" t="s">
        <v>125</v>
      </c>
      <c r="D40" s="3" t="s">
        <v>13</v>
      </c>
      <c r="E40" s="3" t="s">
        <v>13</v>
      </c>
      <c r="F40" s="3" t="s">
        <v>13</v>
      </c>
      <c r="G40" s="3" t="s">
        <v>12</v>
      </c>
      <c r="H40" s="3" t="s">
        <v>13</v>
      </c>
      <c r="I40" s="3" t="s">
        <v>13</v>
      </c>
    </row>
    <row r="41" spans="1:9" ht="391.5" x14ac:dyDescent="0.4">
      <c r="A41" s="6" t="s">
        <v>126</v>
      </c>
      <c r="B41" s="4" t="s">
        <v>127</v>
      </c>
      <c r="C41" s="4" t="s">
        <v>128</v>
      </c>
      <c r="D41" s="4" t="s">
        <v>13</v>
      </c>
      <c r="E41" s="4" t="s">
        <v>12</v>
      </c>
      <c r="F41" s="4" t="s">
        <v>13</v>
      </c>
      <c r="G41" s="4" t="s">
        <v>12</v>
      </c>
      <c r="H41" s="4" t="s">
        <v>13</v>
      </c>
      <c r="I41" s="4" t="s">
        <v>13</v>
      </c>
    </row>
    <row r="42" spans="1:9" ht="409.5" x14ac:dyDescent="0.4">
      <c r="A42" s="5" t="s">
        <v>129</v>
      </c>
      <c r="B42" s="3" t="s">
        <v>130</v>
      </c>
      <c r="C42" s="3" t="s">
        <v>131</v>
      </c>
      <c r="D42" s="3" t="s">
        <v>12</v>
      </c>
      <c r="E42" s="3" t="s">
        <v>12</v>
      </c>
      <c r="F42" s="3" t="s">
        <v>13</v>
      </c>
      <c r="G42" s="3" t="s">
        <v>13</v>
      </c>
      <c r="H42" s="3" t="s">
        <v>13</v>
      </c>
      <c r="I42" s="3" t="s">
        <v>13</v>
      </c>
    </row>
    <row r="43" spans="1:9" ht="72.5" x14ac:dyDescent="0.4">
      <c r="A43" s="6" t="s">
        <v>132</v>
      </c>
      <c r="B43" s="4" t="s">
        <v>133</v>
      </c>
      <c r="C43" s="4" t="e">
        <f>-Consistent policies and processes across jurisdictions will remove potential barriers to employment and boost efficiency in the labour market.
-Employees will have greater labour mobility and be able to move between regions for opportunities, assisting in filling positions that are experiencing skill shortages.</f>
        <v>#NAME?</v>
      </c>
      <c r="D43" s="4" t="s">
        <v>13</v>
      </c>
      <c r="E43" s="4" t="s">
        <v>12</v>
      </c>
      <c r="F43" s="4" t="s">
        <v>13</v>
      </c>
      <c r="G43" s="4" t="s">
        <v>13</v>
      </c>
      <c r="H43" s="4" t="s">
        <v>13</v>
      </c>
      <c r="I43" s="4" t="s">
        <v>13</v>
      </c>
    </row>
    <row r="44" spans="1:9" ht="348" x14ac:dyDescent="0.4">
      <c r="A44" s="5" t="s">
        <v>134</v>
      </c>
      <c r="B44" s="3" t="s">
        <v>135</v>
      </c>
      <c r="C44" s="3" t="s">
        <v>136</v>
      </c>
      <c r="D44" s="3" t="s">
        <v>12</v>
      </c>
      <c r="E44" s="3" t="s">
        <v>12</v>
      </c>
      <c r="F44" s="3" t="s">
        <v>13</v>
      </c>
      <c r="G44" s="3" t="s">
        <v>13</v>
      </c>
      <c r="H44" s="3" t="s">
        <v>13</v>
      </c>
      <c r="I44" s="3" t="s">
        <v>13</v>
      </c>
    </row>
    <row r="45" spans="1:9" ht="43.5" x14ac:dyDescent="0.4">
      <c r="A45" s="6" t="s">
        <v>137</v>
      </c>
      <c r="B45" s="4" t="s">
        <v>138</v>
      </c>
      <c r="C45" s="4" t="e">
        <f>-an effective migration system will help businesses, including clubs, fill skilled positions of chefs and cooks and ensure ongoing operations.
-migration serves as A key stream of labour in the workforce, particularly for regional Australia. Strengthening the migration system will ensure that communities in regional and rural areas can prosper.
-at A broad level, having more workers in the economy increases economic output and boosts overall productivity.</f>
        <v>#NAME?</v>
      </c>
      <c r="D45" s="4" t="s">
        <v>13</v>
      </c>
      <c r="E45" s="4" t="s">
        <v>12</v>
      </c>
      <c r="F45" s="4" t="s">
        <v>13</v>
      </c>
      <c r="G45" s="4" t="s">
        <v>13</v>
      </c>
      <c r="H45" s="4" t="s">
        <v>13</v>
      </c>
      <c r="I45" s="4" t="s">
        <v>13</v>
      </c>
    </row>
    <row r="46" spans="1:9" ht="130.5" x14ac:dyDescent="0.4">
      <c r="A46" s="5" t="s">
        <v>139</v>
      </c>
      <c r="B46" s="3" t="s">
        <v>140</v>
      </c>
      <c r="C46" s="3" t="s">
        <v>141</v>
      </c>
      <c r="D46" s="3" t="s">
        <v>12</v>
      </c>
      <c r="E46" s="3" t="s">
        <v>13</v>
      </c>
      <c r="F46" s="3" t="s">
        <v>13</v>
      </c>
      <c r="G46" s="3" t="s">
        <v>13</v>
      </c>
      <c r="H46" s="3" t="s">
        <v>13</v>
      </c>
      <c r="I46" s="3" t="s">
        <v>13</v>
      </c>
    </row>
    <row r="47" spans="1:9" ht="87" x14ac:dyDescent="0.4">
      <c r="A47" s="6" t="s">
        <v>142</v>
      </c>
      <c r="B47" s="4" t="s">
        <v>143</v>
      </c>
      <c r="C47" s="4" t="e">
        <f>-Higher completion rates for apprentices and traineeships in the club industry will assist in filling shortages of skilled positions such as chefs and cooks, boosting workforce productivity.
-Collaboration with the industry, including clubs, allows for key insights and practical feedback on proposed incentives and pathways by Government to ensure they are fit-for-purpose and will boost update.
-existing incentives, such as fee-free TAFE courses, have generated significant interest from potential apprentices and trainees to complete further education.</f>
        <v>#NAME?</v>
      </c>
      <c r="D47" s="4" t="s">
        <v>13</v>
      </c>
      <c r="E47" s="4" t="s">
        <v>12</v>
      </c>
      <c r="F47" s="4" t="s">
        <v>13</v>
      </c>
      <c r="G47" s="4" t="s">
        <v>13</v>
      </c>
      <c r="H47" s="4" t="s">
        <v>13</v>
      </c>
      <c r="I47" s="4" t="s">
        <v>13</v>
      </c>
    </row>
    <row r="48" spans="1:9" ht="87" x14ac:dyDescent="0.4">
      <c r="A48" s="5" t="s">
        <v>144</v>
      </c>
      <c r="B48" s="3" t="s">
        <v>145</v>
      </c>
      <c r="C48" s="3" t="e">
        <f>-Offering employment opportunities for individuals with A disability will foster A more diverse and inclusive workforce.
-Engaging with industry, such as clubs, will provide the Government with key avenues for promoting the inclusion of people with disabilities and creating more opportunities for them to participate in the workforce.</f>
        <v>#NAME?</v>
      </c>
      <c r="D48" s="3" t="s">
        <v>13</v>
      </c>
      <c r="E48" s="3" t="s">
        <v>12</v>
      </c>
      <c r="F48" s="3" t="s">
        <v>13</v>
      </c>
      <c r="G48" s="3" t="s">
        <v>13</v>
      </c>
      <c r="H48" s="3" t="s">
        <v>13</v>
      </c>
      <c r="I48" s="3" t="s">
        <v>13</v>
      </c>
    </row>
    <row r="49" spans="1:9" ht="246.5" x14ac:dyDescent="0.4">
      <c r="A49" s="6" t="s">
        <v>146</v>
      </c>
      <c r="B49" s="4" t="s">
        <v>147</v>
      </c>
      <c r="C49" s="4" t="s">
        <v>148</v>
      </c>
      <c r="D49" s="4" t="s">
        <v>12</v>
      </c>
      <c r="E49" s="4" t="s">
        <v>12</v>
      </c>
      <c r="F49" s="4" t="s">
        <v>13</v>
      </c>
      <c r="G49" s="4" t="s">
        <v>13</v>
      </c>
      <c r="H49" s="4" t="s">
        <v>13</v>
      </c>
      <c r="I49" s="4" t="s">
        <v>13</v>
      </c>
    </row>
    <row r="50" spans="1:9" ht="409.5" x14ac:dyDescent="0.4">
      <c r="A50" s="5" t="s">
        <v>149</v>
      </c>
      <c r="B50" s="3" t="s">
        <v>150</v>
      </c>
      <c r="C50" s="3" t="s">
        <v>151</v>
      </c>
      <c r="D50" s="3" t="s">
        <v>12</v>
      </c>
      <c r="E50" s="3" t="s">
        <v>13</v>
      </c>
      <c r="F50" s="3" t="s">
        <v>12</v>
      </c>
      <c r="G50" s="3" t="s">
        <v>13</v>
      </c>
      <c r="H50" s="3" t="s">
        <v>13</v>
      </c>
      <c r="I50" s="3" t="s">
        <v>13</v>
      </c>
    </row>
    <row r="51" spans="1:9" ht="409.5" x14ac:dyDescent="0.4">
      <c r="A51" s="6" t="s">
        <v>152</v>
      </c>
      <c r="B51" s="4" t="s">
        <v>153</v>
      </c>
      <c r="C51" s="4" t="s">
        <v>154</v>
      </c>
      <c r="D51" s="4" t="s">
        <v>13</v>
      </c>
      <c r="E51" s="4" t="s">
        <v>13</v>
      </c>
      <c r="F51" s="4" t="s">
        <v>13</v>
      </c>
      <c r="G51" s="4" t="s">
        <v>12</v>
      </c>
      <c r="H51" s="4" t="s">
        <v>13</v>
      </c>
      <c r="I51" s="4" t="s">
        <v>13</v>
      </c>
    </row>
    <row r="52" spans="1:9" ht="348" x14ac:dyDescent="0.4">
      <c r="A52" s="5" t="s">
        <v>155</v>
      </c>
      <c r="B52" s="3" t="s">
        <v>156</v>
      </c>
      <c r="C52" s="3" t="s">
        <v>157</v>
      </c>
      <c r="D52" s="3" t="s">
        <v>12</v>
      </c>
      <c r="E52" s="3" t="s">
        <v>12</v>
      </c>
      <c r="F52" s="3" t="s">
        <v>12</v>
      </c>
      <c r="G52" s="3" t="s">
        <v>13</v>
      </c>
      <c r="H52" s="3" t="s">
        <v>13</v>
      </c>
      <c r="I52" s="3" t="s">
        <v>13</v>
      </c>
    </row>
    <row r="53" spans="1:9" ht="409.5" x14ac:dyDescent="0.4">
      <c r="A53" s="6" t="s">
        <v>158</v>
      </c>
      <c r="B53" s="4" t="s">
        <v>159</v>
      </c>
      <c r="C53" s="4" t="s">
        <v>160</v>
      </c>
      <c r="D53" s="4" t="s">
        <v>12</v>
      </c>
      <c r="E53" s="4" t="s">
        <v>13</v>
      </c>
      <c r="F53" s="4" t="s">
        <v>13</v>
      </c>
      <c r="G53" s="4" t="s">
        <v>13</v>
      </c>
      <c r="H53" s="4" t="s">
        <v>13</v>
      </c>
      <c r="I53" s="4" t="s">
        <v>13</v>
      </c>
    </row>
    <row r="54" spans="1:9" ht="409.5" x14ac:dyDescent="0.4">
      <c r="A54" s="5" t="s">
        <v>161</v>
      </c>
      <c r="B54" s="3" t="s">
        <v>162</v>
      </c>
      <c r="C54" s="3" t="s">
        <v>163</v>
      </c>
      <c r="D54" s="3" t="s">
        <v>13</v>
      </c>
      <c r="E54" s="3" t="s">
        <v>13</v>
      </c>
      <c r="F54" s="3" t="s">
        <v>12</v>
      </c>
      <c r="G54" s="3" t="s">
        <v>12</v>
      </c>
      <c r="H54" s="3" t="s">
        <v>13</v>
      </c>
      <c r="I54" s="3" t="s">
        <v>13</v>
      </c>
    </row>
    <row r="55" spans="1:9" ht="409.5" x14ac:dyDescent="0.4">
      <c r="A55" s="6" t="s">
        <v>164</v>
      </c>
      <c r="B55" s="4" t="s">
        <v>165</v>
      </c>
      <c r="C55" s="4" t="s">
        <v>166</v>
      </c>
      <c r="D55" s="4" t="s">
        <v>12</v>
      </c>
      <c r="E55" s="4" t="s">
        <v>12</v>
      </c>
      <c r="F55" s="4" t="s">
        <v>12</v>
      </c>
      <c r="G55" s="4" t="s">
        <v>13</v>
      </c>
      <c r="H55" s="4" t="s">
        <v>13</v>
      </c>
      <c r="I55" s="4" t="s">
        <v>13</v>
      </c>
    </row>
    <row r="56" spans="1:9" ht="409.5" x14ac:dyDescent="0.4">
      <c r="A56" s="5" t="s">
        <v>167</v>
      </c>
      <c r="B56" s="3" t="s">
        <v>168</v>
      </c>
      <c r="C56" s="3" t="s">
        <v>169</v>
      </c>
      <c r="D56" s="3" t="s">
        <v>12</v>
      </c>
      <c r="E56" s="3" t="s">
        <v>13</v>
      </c>
      <c r="F56" s="3" t="s">
        <v>13</v>
      </c>
      <c r="G56" s="3" t="s">
        <v>13</v>
      </c>
      <c r="H56" s="3" t="s">
        <v>13</v>
      </c>
      <c r="I56" s="3" t="s">
        <v>13</v>
      </c>
    </row>
    <row r="57" spans="1:9" ht="409.5" x14ac:dyDescent="0.4">
      <c r="A57" s="6" t="s">
        <v>170</v>
      </c>
      <c r="B57" s="4" t="s">
        <v>171</v>
      </c>
      <c r="C57" s="4" t="s">
        <v>172</v>
      </c>
      <c r="D57" s="4" t="s">
        <v>13</v>
      </c>
      <c r="E57" s="4" t="s">
        <v>12</v>
      </c>
      <c r="F57" s="4" t="s">
        <v>12</v>
      </c>
      <c r="G57" s="4" t="s">
        <v>13</v>
      </c>
      <c r="H57" s="4" t="s">
        <v>13</v>
      </c>
      <c r="I57" s="4" t="s">
        <v>13</v>
      </c>
    </row>
    <row r="58" spans="1:9" ht="409.5" x14ac:dyDescent="0.4">
      <c r="A58" s="5" t="s">
        <v>173</v>
      </c>
      <c r="B58" s="3" t="s">
        <v>174</v>
      </c>
      <c r="C58" s="3" t="s">
        <v>175</v>
      </c>
      <c r="D58" s="3" t="s">
        <v>12</v>
      </c>
      <c r="E58" s="3" t="s">
        <v>13</v>
      </c>
      <c r="F58" s="3" t="s">
        <v>12</v>
      </c>
      <c r="G58" s="3" t="s">
        <v>12</v>
      </c>
      <c r="H58" s="3" t="s">
        <v>13</v>
      </c>
      <c r="I58" s="3" t="s">
        <v>13</v>
      </c>
    </row>
    <row r="59" spans="1:9" ht="72.5" x14ac:dyDescent="0.4">
      <c r="A59" s="6" t="s">
        <v>176</v>
      </c>
      <c r="B59" s="4" t="s">
        <v>177</v>
      </c>
      <c r="C59" s="4" t="s">
        <v>178</v>
      </c>
      <c r="D59" s="4" t="s">
        <v>12</v>
      </c>
      <c r="E59" s="4" t="s">
        <v>12</v>
      </c>
      <c r="F59" s="4" t="s">
        <v>12</v>
      </c>
      <c r="G59" s="4" t="s">
        <v>13</v>
      </c>
      <c r="H59" s="4" t="s">
        <v>13</v>
      </c>
      <c r="I59" s="4" t="s">
        <v>13</v>
      </c>
    </row>
    <row r="60" spans="1:9" ht="409.5" x14ac:dyDescent="0.4">
      <c r="A60" s="5" t="s">
        <v>179</v>
      </c>
      <c r="B60" s="3" t="s">
        <v>180</v>
      </c>
      <c r="C60" s="3" t="s">
        <v>181</v>
      </c>
      <c r="D60" s="3" t="s">
        <v>12</v>
      </c>
      <c r="E60" s="3" t="s">
        <v>13</v>
      </c>
      <c r="F60" s="3" t="s">
        <v>12</v>
      </c>
      <c r="G60" s="3" t="s">
        <v>13</v>
      </c>
      <c r="H60" s="3" t="s">
        <v>13</v>
      </c>
      <c r="I60" s="3" t="s">
        <v>13</v>
      </c>
    </row>
    <row r="61" spans="1:9" ht="217.5" x14ac:dyDescent="0.4">
      <c r="A61" s="6" t="s">
        <v>182</v>
      </c>
      <c r="B61" s="4" t="s">
        <v>183</v>
      </c>
      <c r="C61" s="4" t="s">
        <v>184</v>
      </c>
      <c r="D61" s="4" t="s">
        <v>12</v>
      </c>
      <c r="E61" s="4" t="s">
        <v>13</v>
      </c>
      <c r="F61" s="4" t="s">
        <v>13</v>
      </c>
      <c r="G61" s="4" t="s">
        <v>13</v>
      </c>
      <c r="H61" s="4" t="s">
        <v>13</v>
      </c>
      <c r="I61" s="4" t="s">
        <v>13</v>
      </c>
    </row>
    <row r="62" spans="1:9" ht="409.5" x14ac:dyDescent="0.4">
      <c r="A62" s="5" t="s">
        <v>185</v>
      </c>
      <c r="B62" s="3" t="s">
        <v>186</v>
      </c>
      <c r="C62" s="3" t="s">
        <v>187</v>
      </c>
      <c r="D62" s="3" t="s">
        <v>13</v>
      </c>
      <c r="E62" s="3" t="s">
        <v>12</v>
      </c>
      <c r="F62" s="3" t="s">
        <v>13</v>
      </c>
      <c r="G62" s="3" t="s">
        <v>13</v>
      </c>
      <c r="H62" s="3" t="s">
        <v>12</v>
      </c>
      <c r="I62" s="3" t="s">
        <v>13</v>
      </c>
    </row>
    <row r="63" spans="1:9" ht="232" x14ac:dyDescent="0.4">
      <c r="A63" s="6" t="s">
        <v>188</v>
      </c>
      <c r="B63" s="4" t="s">
        <v>189</v>
      </c>
      <c r="C63" s="4" t="s">
        <v>190</v>
      </c>
      <c r="D63" s="4" t="s">
        <v>12</v>
      </c>
      <c r="E63" s="4" t="s">
        <v>13</v>
      </c>
      <c r="F63" s="4" t="s">
        <v>13</v>
      </c>
      <c r="G63" s="4" t="s">
        <v>13</v>
      </c>
      <c r="H63" s="4" t="s">
        <v>13</v>
      </c>
      <c r="I63" s="4" t="s">
        <v>13</v>
      </c>
    </row>
    <row r="64" spans="1:9" ht="348" x14ac:dyDescent="0.4">
      <c r="A64" s="5" t="s">
        <v>191</v>
      </c>
      <c r="B64" s="3" t="s">
        <v>192</v>
      </c>
      <c r="C64" s="3" t="s">
        <v>193</v>
      </c>
      <c r="D64" s="3" t="s">
        <v>13</v>
      </c>
      <c r="E64" s="3" t="s">
        <v>13</v>
      </c>
      <c r="F64" s="3" t="s">
        <v>12</v>
      </c>
      <c r="G64" s="3" t="s">
        <v>13</v>
      </c>
      <c r="H64" s="3" t="s">
        <v>13</v>
      </c>
      <c r="I64" s="3" t="s">
        <v>13</v>
      </c>
    </row>
    <row r="65" spans="1:9" ht="232" x14ac:dyDescent="0.4">
      <c r="A65" s="6" t="s">
        <v>194</v>
      </c>
      <c r="B65" s="4" t="s">
        <v>195</v>
      </c>
      <c r="C65" s="4" t="s">
        <v>196</v>
      </c>
      <c r="D65" s="4" t="s">
        <v>12</v>
      </c>
      <c r="E65" s="4" t="s">
        <v>12</v>
      </c>
      <c r="F65" s="4" t="s">
        <v>13</v>
      </c>
      <c r="G65" s="4" t="s">
        <v>13</v>
      </c>
      <c r="H65" s="4" t="s">
        <v>13</v>
      </c>
      <c r="I65" s="4" t="s">
        <v>13</v>
      </c>
    </row>
    <row r="66" spans="1:9" ht="116" x14ac:dyDescent="0.4">
      <c r="A66" s="5" t="s">
        <v>197</v>
      </c>
      <c r="B66" s="3" t="s">
        <v>198</v>
      </c>
      <c r="C66" s="3" t="s">
        <v>199</v>
      </c>
      <c r="D66" s="3" t="s">
        <v>12</v>
      </c>
      <c r="E66" s="3" t="s">
        <v>13</v>
      </c>
      <c r="F66" s="3" t="s">
        <v>13</v>
      </c>
      <c r="G66" s="3" t="s">
        <v>13</v>
      </c>
      <c r="H66" s="3" t="s">
        <v>13</v>
      </c>
      <c r="I66" s="3" t="s">
        <v>13</v>
      </c>
    </row>
    <row r="67" spans="1:9" ht="409.5" x14ac:dyDescent="0.4">
      <c r="A67" s="6" t="s">
        <v>200</v>
      </c>
      <c r="B67" s="4" t="s">
        <v>201</v>
      </c>
      <c r="C67" s="4" t="s">
        <v>202</v>
      </c>
      <c r="D67" s="4" t="s">
        <v>13</v>
      </c>
      <c r="E67" s="4" t="s">
        <v>12</v>
      </c>
      <c r="F67" s="4" t="s">
        <v>13</v>
      </c>
      <c r="G67" s="4" t="s">
        <v>13</v>
      </c>
      <c r="H67" s="4" t="s">
        <v>12</v>
      </c>
      <c r="I67" s="4" t="s">
        <v>13</v>
      </c>
    </row>
    <row r="68" spans="1:9" ht="333.5" x14ac:dyDescent="0.4">
      <c r="A68" s="5" t="s">
        <v>203</v>
      </c>
      <c r="B68" s="3" t="s">
        <v>204</v>
      </c>
      <c r="C68" s="3" t="s">
        <v>205</v>
      </c>
      <c r="D68" s="3" t="s">
        <v>12</v>
      </c>
      <c r="E68" s="3" t="s">
        <v>13</v>
      </c>
      <c r="F68" s="3" t="s">
        <v>13</v>
      </c>
      <c r="G68" s="3" t="s">
        <v>12</v>
      </c>
      <c r="H68" s="3" t="s">
        <v>13</v>
      </c>
      <c r="I68" s="3" t="s">
        <v>13</v>
      </c>
    </row>
    <row r="69" spans="1:9" ht="409.5" x14ac:dyDescent="0.4">
      <c r="A69" s="6" t="s">
        <v>206</v>
      </c>
      <c r="B69" s="4" t="s">
        <v>207</v>
      </c>
      <c r="C69" s="4" t="s">
        <v>208</v>
      </c>
      <c r="D69" s="4" t="s">
        <v>12</v>
      </c>
      <c r="E69" s="4" t="s">
        <v>12</v>
      </c>
      <c r="F69" s="4" t="s">
        <v>13</v>
      </c>
      <c r="G69" s="4" t="s">
        <v>13</v>
      </c>
      <c r="H69" s="4" t="s">
        <v>13</v>
      </c>
      <c r="I69" s="4" t="s">
        <v>13</v>
      </c>
    </row>
    <row r="70" spans="1:9" ht="409.5" x14ac:dyDescent="0.4">
      <c r="A70" s="5" t="s">
        <v>209</v>
      </c>
      <c r="B70" s="3" t="s">
        <v>210</v>
      </c>
      <c r="C70" s="3" t="s">
        <v>211</v>
      </c>
      <c r="D70" s="3" t="s">
        <v>12</v>
      </c>
      <c r="E70" s="3" t="s">
        <v>12</v>
      </c>
      <c r="F70" s="3" t="s">
        <v>13</v>
      </c>
      <c r="G70" s="3" t="s">
        <v>13</v>
      </c>
      <c r="H70" s="3" t="s">
        <v>13</v>
      </c>
      <c r="I70" s="3" t="s">
        <v>13</v>
      </c>
    </row>
    <row r="71" spans="1:9" ht="409.5" x14ac:dyDescent="0.4">
      <c r="A71" s="6" t="s">
        <v>212</v>
      </c>
      <c r="B71" s="4" t="s">
        <v>213</v>
      </c>
      <c r="C71" s="4" t="s">
        <v>214</v>
      </c>
      <c r="D71" s="4" t="s">
        <v>12</v>
      </c>
      <c r="E71" s="4" t="s">
        <v>13</v>
      </c>
      <c r="F71" s="4" t="s">
        <v>13</v>
      </c>
      <c r="G71" s="4" t="s">
        <v>13</v>
      </c>
      <c r="H71" s="4" t="s">
        <v>13</v>
      </c>
      <c r="I71" s="4" t="s">
        <v>13</v>
      </c>
    </row>
    <row r="72" spans="1:9" ht="275.5" x14ac:dyDescent="0.4">
      <c r="A72" s="5" t="s">
        <v>215</v>
      </c>
      <c r="B72" s="3" t="s">
        <v>216</v>
      </c>
      <c r="C72" s="3" t="s">
        <v>217</v>
      </c>
      <c r="D72" s="3" t="s">
        <v>12</v>
      </c>
      <c r="E72" s="3" t="s">
        <v>12</v>
      </c>
      <c r="F72" s="3" t="s">
        <v>12</v>
      </c>
      <c r="G72" s="3" t="s">
        <v>13</v>
      </c>
      <c r="H72" s="3" t="s">
        <v>13</v>
      </c>
      <c r="I72" s="3" t="s">
        <v>13</v>
      </c>
    </row>
    <row r="73" spans="1:9" ht="348" x14ac:dyDescent="0.4">
      <c r="A73" s="6" t="s">
        <v>218</v>
      </c>
      <c r="B73" s="4" t="s">
        <v>219</v>
      </c>
      <c r="C73" s="4" t="s">
        <v>220</v>
      </c>
      <c r="D73" s="4" t="s">
        <v>12</v>
      </c>
      <c r="E73" s="4" t="s">
        <v>13</v>
      </c>
      <c r="F73" s="4" t="s">
        <v>13</v>
      </c>
      <c r="G73" s="4" t="s">
        <v>13</v>
      </c>
      <c r="H73" s="4" t="s">
        <v>13</v>
      </c>
      <c r="I73" s="4" t="s">
        <v>13</v>
      </c>
    </row>
    <row r="74" spans="1:9" ht="409.5" x14ac:dyDescent="0.4">
      <c r="A74" s="5" t="s">
        <v>221</v>
      </c>
      <c r="B74" s="3" t="s">
        <v>222</v>
      </c>
      <c r="C74" s="3" t="s">
        <v>223</v>
      </c>
      <c r="D74" s="3" t="s">
        <v>12</v>
      </c>
      <c r="E74" s="3" t="s">
        <v>12</v>
      </c>
      <c r="F74" s="3" t="s">
        <v>13</v>
      </c>
      <c r="G74" s="3" t="s">
        <v>13</v>
      </c>
      <c r="H74" s="3" t="s">
        <v>13</v>
      </c>
      <c r="I74" s="3" t="s">
        <v>13</v>
      </c>
    </row>
    <row r="75" spans="1:9" ht="409.5" x14ac:dyDescent="0.4">
      <c r="A75" s="6" t="s">
        <v>224</v>
      </c>
      <c r="B75" s="4" t="s">
        <v>225</v>
      </c>
      <c r="C75" s="4" t="s">
        <v>226</v>
      </c>
      <c r="D75" s="4" t="s">
        <v>12</v>
      </c>
      <c r="E75" s="4" t="s">
        <v>12</v>
      </c>
      <c r="F75" s="4" t="s">
        <v>12</v>
      </c>
      <c r="G75" s="4" t="s">
        <v>13</v>
      </c>
      <c r="H75" s="4" t="s">
        <v>12</v>
      </c>
      <c r="I75" s="4" t="s">
        <v>13</v>
      </c>
    </row>
    <row r="76" spans="1:9" ht="409.5" x14ac:dyDescent="0.4">
      <c r="A76" s="5" t="s">
        <v>227</v>
      </c>
      <c r="B76" s="3" t="s">
        <v>228</v>
      </c>
      <c r="C76" s="3" t="s">
        <v>229</v>
      </c>
      <c r="D76" s="3" t="s">
        <v>13</v>
      </c>
      <c r="E76" s="3" t="s">
        <v>13</v>
      </c>
      <c r="F76" s="3" t="s">
        <v>13</v>
      </c>
      <c r="G76" s="3" t="s">
        <v>13</v>
      </c>
      <c r="H76" s="3" t="s">
        <v>12</v>
      </c>
      <c r="I76" s="3" t="s">
        <v>13</v>
      </c>
    </row>
    <row r="77" spans="1:9" ht="409.5" x14ac:dyDescent="0.4">
      <c r="A77" s="6" t="s">
        <v>230</v>
      </c>
      <c r="B77" s="4" t="s">
        <v>231</v>
      </c>
      <c r="C77" s="4" t="s">
        <v>232</v>
      </c>
      <c r="D77" s="4" t="s">
        <v>12</v>
      </c>
      <c r="E77" s="4" t="s">
        <v>13</v>
      </c>
      <c r="F77" s="4" t="s">
        <v>13</v>
      </c>
      <c r="G77" s="4" t="s">
        <v>13</v>
      </c>
      <c r="H77" s="4" t="s">
        <v>13</v>
      </c>
      <c r="I77" s="4" t="s">
        <v>13</v>
      </c>
    </row>
    <row r="78" spans="1:9" ht="348" x14ac:dyDescent="0.4">
      <c r="A78" s="5" t="s">
        <v>233</v>
      </c>
      <c r="B78" s="3" t="s">
        <v>234</v>
      </c>
      <c r="C78" s="3" t="s">
        <v>235</v>
      </c>
      <c r="D78" s="3" t="s">
        <v>12</v>
      </c>
      <c r="E78" s="3" t="s">
        <v>12</v>
      </c>
      <c r="F78" s="3" t="s">
        <v>13</v>
      </c>
      <c r="G78" s="3" t="s">
        <v>13</v>
      </c>
      <c r="H78" s="3" t="s">
        <v>13</v>
      </c>
      <c r="I78" s="3" t="s">
        <v>13</v>
      </c>
    </row>
    <row r="79" spans="1:9" ht="409.5" x14ac:dyDescent="0.4">
      <c r="A79" s="6" t="s">
        <v>236</v>
      </c>
      <c r="B79" s="4" t="s">
        <v>237</v>
      </c>
      <c r="C79" s="4" t="s">
        <v>238</v>
      </c>
      <c r="D79" s="4" t="s">
        <v>12</v>
      </c>
      <c r="E79" s="4" t="s">
        <v>13</v>
      </c>
      <c r="F79" s="4" t="s">
        <v>13</v>
      </c>
      <c r="G79" s="4" t="s">
        <v>13</v>
      </c>
      <c r="H79" s="4" t="s">
        <v>13</v>
      </c>
      <c r="I79" s="4" t="s">
        <v>13</v>
      </c>
    </row>
    <row r="80" spans="1:9" ht="188.5" x14ac:dyDescent="0.4">
      <c r="A80" s="5" t="s">
        <v>239</v>
      </c>
      <c r="B80" s="3" t="s">
        <v>240</v>
      </c>
      <c r="C80" s="3" t="s">
        <v>241</v>
      </c>
      <c r="D80" s="3" t="s">
        <v>13</v>
      </c>
      <c r="E80" s="3" t="s">
        <v>13</v>
      </c>
      <c r="F80" s="3" t="s">
        <v>12</v>
      </c>
      <c r="G80" s="3" t="s">
        <v>13</v>
      </c>
      <c r="H80" s="3" t="s">
        <v>13</v>
      </c>
      <c r="I80" s="3" t="s">
        <v>13</v>
      </c>
    </row>
    <row r="81" spans="1:9" ht="409.5" x14ac:dyDescent="0.4">
      <c r="A81" s="6" t="s">
        <v>242</v>
      </c>
      <c r="B81" s="4" t="s">
        <v>243</v>
      </c>
      <c r="C81" s="4" t="s">
        <v>244</v>
      </c>
      <c r="D81" s="4" t="s">
        <v>12</v>
      </c>
      <c r="E81" s="4" t="s">
        <v>12</v>
      </c>
      <c r="F81" s="4" t="s">
        <v>12</v>
      </c>
      <c r="G81" s="4" t="s">
        <v>13</v>
      </c>
      <c r="H81" s="4" t="s">
        <v>12</v>
      </c>
      <c r="I81" s="4" t="s">
        <v>13</v>
      </c>
    </row>
    <row r="82" spans="1:9" ht="409.5" x14ac:dyDescent="0.4">
      <c r="A82" s="5" t="s">
        <v>245</v>
      </c>
      <c r="B82" s="3" t="s">
        <v>246</v>
      </c>
      <c r="C82" s="3" t="s">
        <v>247</v>
      </c>
      <c r="D82" s="3" t="s">
        <v>12</v>
      </c>
      <c r="E82" s="3" t="s">
        <v>12</v>
      </c>
      <c r="F82" s="3" t="s">
        <v>12</v>
      </c>
      <c r="G82" s="3" t="s">
        <v>13</v>
      </c>
      <c r="H82" s="3" t="s">
        <v>13</v>
      </c>
      <c r="I82" s="3" t="s">
        <v>13</v>
      </c>
    </row>
    <row r="83" spans="1:9" ht="246.5" x14ac:dyDescent="0.4">
      <c r="A83" s="6" t="s">
        <v>248</v>
      </c>
      <c r="B83" s="4" t="s">
        <v>249</v>
      </c>
      <c r="C83" s="4" t="s">
        <v>250</v>
      </c>
      <c r="D83" s="4" t="s">
        <v>13</v>
      </c>
      <c r="E83" s="4" t="s">
        <v>12</v>
      </c>
      <c r="F83" s="4" t="s">
        <v>13</v>
      </c>
      <c r="G83" s="4" t="s">
        <v>13</v>
      </c>
      <c r="H83" s="4" t="s">
        <v>12</v>
      </c>
      <c r="I83" s="4" t="s">
        <v>13</v>
      </c>
    </row>
    <row r="84" spans="1:9" ht="409.5" x14ac:dyDescent="0.4">
      <c r="A84" s="5" t="s">
        <v>251</v>
      </c>
      <c r="B84" s="3" t="s">
        <v>252</v>
      </c>
      <c r="C84" s="3" t="s">
        <v>253</v>
      </c>
      <c r="D84" s="3" t="s">
        <v>13</v>
      </c>
      <c r="E84" s="3" t="s">
        <v>13</v>
      </c>
      <c r="F84" s="3" t="s">
        <v>13</v>
      </c>
      <c r="G84" s="3" t="s">
        <v>12</v>
      </c>
      <c r="H84" s="3" t="s">
        <v>13</v>
      </c>
      <c r="I84" s="3" t="s">
        <v>13</v>
      </c>
    </row>
    <row r="85" spans="1:9" ht="362.5" x14ac:dyDescent="0.4">
      <c r="A85" s="6" t="s">
        <v>254</v>
      </c>
      <c r="B85" s="4" t="s">
        <v>255</v>
      </c>
      <c r="C85" s="4" t="s">
        <v>256</v>
      </c>
      <c r="D85" s="4" t="s">
        <v>12</v>
      </c>
      <c r="E85" s="4" t="s">
        <v>12</v>
      </c>
      <c r="F85" s="4" t="s">
        <v>13</v>
      </c>
      <c r="G85" s="4" t="s">
        <v>13</v>
      </c>
      <c r="H85" s="4" t="s">
        <v>13</v>
      </c>
      <c r="I85" s="4" t="s">
        <v>13</v>
      </c>
    </row>
    <row r="86" spans="1:9" ht="409.5" x14ac:dyDescent="0.4">
      <c r="A86" s="5" t="s">
        <v>257</v>
      </c>
      <c r="B86" s="3" t="s">
        <v>258</v>
      </c>
      <c r="C86" s="3" t="s">
        <v>259</v>
      </c>
      <c r="D86" s="3" t="s">
        <v>13</v>
      </c>
      <c r="E86" s="3" t="s">
        <v>13</v>
      </c>
      <c r="F86" s="3" t="s">
        <v>12</v>
      </c>
      <c r="G86" s="3" t="s">
        <v>13</v>
      </c>
      <c r="H86" s="3" t="s">
        <v>13</v>
      </c>
      <c r="I86" s="3" t="s">
        <v>13</v>
      </c>
    </row>
    <row r="87" spans="1:9" ht="409.5" x14ac:dyDescent="0.4">
      <c r="A87" s="6" t="s">
        <v>260</v>
      </c>
      <c r="B87" s="4" t="s">
        <v>261</v>
      </c>
      <c r="C87" s="4" t="s">
        <v>262</v>
      </c>
      <c r="D87" s="4" t="s">
        <v>13</v>
      </c>
      <c r="E87" s="4" t="s">
        <v>13</v>
      </c>
      <c r="F87" s="4" t="s">
        <v>13</v>
      </c>
      <c r="G87" s="4" t="s">
        <v>12</v>
      </c>
      <c r="H87" s="4" t="s">
        <v>13</v>
      </c>
      <c r="I87" s="4" t="s">
        <v>13</v>
      </c>
    </row>
    <row r="88" spans="1:9" ht="304.5" x14ac:dyDescent="0.4">
      <c r="A88" s="5" t="s">
        <v>263</v>
      </c>
      <c r="B88" s="3" t="s">
        <v>264</v>
      </c>
      <c r="C88" s="3" t="s">
        <v>265</v>
      </c>
      <c r="D88" s="3" t="s">
        <v>12</v>
      </c>
      <c r="E88" s="3" t="s">
        <v>13</v>
      </c>
      <c r="F88" s="3" t="s">
        <v>13</v>
      </c>
      <c r="G88" s="3" t="s">
        <v>13</v>
      </c>
      <c r="H88" s="3" t="s">
        <v>12</v>
      </c>
      <c r="I88" s="3" t="s">
        <v>13</v>
      </c>
    </row>
    <row r="89" spans="1:9" ht="409.5" x14ac:dyDescent="0.4">
      <c r="A89" s="6" t="s">
        <v>266</v>
      </c>
      <c r="B89" s="4" t="s">
        <v>267</v>
      </c>
      <c r="C89" s="4" t="s">
        <v>268</v>
      </c>
      <c r="D89" s="4" t="s">
        <v>12</v>
      </c>
      <c r="E89" s="4" t="s">
        <v>12</v>
      </c>
      <c r="F89" s="4" t="s">
        <v>13</v>
      </c>
      <c r="G89" s="4" t="s">
        <v>13</v>
      </c>
      <c r="H89" s="4" t="s">
        <v>12</v>
      </c>
      <c r="I89" s="4" t="s">
        <v>13</v>
      </c>
    </row>
    <row r="90" spans="1:9" ht="409.5" x14ac:dyDescent="0.4">
      <c r="A90" s="5" t="s">
        <v>269</v>
      </c>
      <c r="B90" s="3" t="s">
        <v>270</v>
      </c>
      <c r="C90" s="3" t="s">
        <v>271</v>
      </c>
      <c r="D90" s="3" t="s">
        <v>12</v>
      </c>
      <c r="E90" s="3" t="s">
        <v>13</v>
      </c>
      <c r="F90" s="3" t="s">
        <v>13</v>
      </c>
      <c r="G90" s="3" t="s">
        <v>13</v>
      </c>
      <c r="H90" s="3" t="s">
        <v>13</v>
      </c>
      <c r="I90" s="3" t="s">
        <v>13</v>
      </c>
    </row>
    <row r="91" spans="1:9" ht="409.5" x14ac:dyDescent="0.4">
      <c r="A91" s="6" t="s">
        <v>272</v>
      </c>
      <c r="B91" s="4" t="s">
        <v>273</v>
      </c>
      <c r="C91" s="4" t="s">
        <v>274</v>
      </c>
      <c r="D91" s="4" t="s">
        <v>12</v>
      </c>
      <c r="E91" s="4" t="s">
        <v>13</v>
      </c>
      <c r="F91" s="4" t="s">
        <v>13</v>
      </c>
      <c r="G91" s="4" t="s">
        <v>13</v>
      </c>
      <c r="H91" s="4" t="s">
        <v>12</v>
      </c>
      <c r="I91" s="4" t="s">
        <v>13</v>
      </c>
    </row>
    <row r="92" spans="1:9" ht="409.5" x14ac:dyDescent="0.4">
      <c r="A92" s="5" t="s">
        <v>275</v>
      </c>
      <c r="B92" s="3" t="s">
        <v>276</v>
      </c>
      <c r="C92" s="3" t="s">
        <v>277</v>
      </c>
      <c r="D92" s="3" t="s">
        <v>12</v>
      </c>
      <c r="E92" s="3" t="s">
        <v>13</v>
      </c>
      <c r="F92" s="3" t="s">
        <v>13</v>
      </c>
      <c r="G92" s="3" t="s">
        <v>13</v>
      </c>
      <c r="H92" s="3" t="s">
        <v>12</v>
      </c>
      <c r="I92" s="3" t="s">
        <v>13</v>
      </c>
    </row>
    <row r="93" spans="1:9" ht="377" x14ac:dyDescent="0.4">
      <c r="A93" s="6" t="s">
        <v>278</v>
      </c>
      <c r="B93" s="4" t="s">
        <v>279</v>
      </c>
      <c r="C93" s="4" t="s">
        <v>280</v>
      </c>
      <c r="D93" s="4" t="s">
        <v>12</v>
      </c>
      <c r="E93" s="4" t="s">
        <v>13</v>
      </c>
      <c r="F93" s="4" t="s">
        <v>13</v>
      </c>
      <c r="G93" s="4" t="s">
        <v>13</v>
      </c>
      <c r="H93" s="4" t="s">
        <v>13</v>
      </c>
      <c r="I93" s="4" t="s">
        <v>13</v>
      </c>
    </row>
    <row r="94" spans="1:9" ht="409.5" x14ac:dyDescent="0.4">
      <c r="A94" s="5" t="s">
        <v>281</v>
      </c>
      <c r="B94" s="3" t="s">
        <v>282</v>
      </c>
      <c r="C94" s="3" t="s">
        <v>283</v>
      </c>
      <c r="D94" s="3" t="s">
        <v>12</v>
      </c>
      <c r="E94" s="3" t="s">
        <v>13</v>
      </c>
      <c r="F94" s="3" t="s">
        <v>13</v>
      </c>
      <c r="G94" s="3" t="s">
        <v>13</v>
      </c>
      <c r="H94" s="3" t="s">
        <v>12</v>
      </c>
      <c r="I94" s="3" t="s">
        <v>13</v>
      </c>
    </row>
    <row r="95" spans="1:9" ht="409.5" x14ac:dyDescent="0.4">
      <c r="A95" s="6" t="s">
        <v>284</v>
      </c>
      <c r="B95" s="4" t="s">
        <v>285</v>
      </c>
      <c r="C95" s="4" t="s">
        <v>286</v>
      </c>
      <c r="D95" s="4" t="s">
        <v>13</v>
      </c>
      <c r="E95" s="4" t="s">
        <v>13</v>
      </c>
      <c r="F95" s="4" t="s">
        <v>12</v>
      </c>
      <c r="G95" s="4" t="s">
        <v>13</v>
      </c>
      <c r="H95" s="4" t="s">
        <v>13</v>
      </c>
      <c r="I95" s="4" t="s">
        <v>13</v>
      </c>
    </row>
    <row r="96" spans="1:9" ht="188.5" x14ac:dyDescent="0.4">
      <c r="A96" s="5" t="s">
        <v>287</v>
      </c>
      <c r="B96" s="3" t="s">
        <v>288</v>
      </c>
      <c r="C96" s="3" t="s">
        <v>289</v>
      </c>
      <c r="D96" s="3" t="s">
        <v>12</v>
      </c>
      <c r="E96" s="3" t="s">
        <v>12</v>
      </c>
      <c r="F96" s="3" t="s">
        <v>13</v>
      </c>
      <c r="G96" s="3" t="s">
        <v>13</v>
      </c>
      <c r="H96" s="3" t="s">
        <v>12</v>
      </c>
      <c r="I96" s="3" t="s">
        <v>13</v>
      </c>
    </row>
    <row r="97" spans="1:9" ht="261" x14ac:dyDescent="0.4">
      <c r="A97" s="6" t="s">
        <v>290</v>
      </c>
      <c r="B97" s="4" t="s">
        <v>291</v>
      </c>
      <c r="C97" s="4" t="s">
        <v>292</v>
      </c>
      <c r="D97" s="4" t="s">
        <v>13</v>
      </c>
      <c r="E97" s="4" t="s">
        <v>13</v>
      </c>
      <c r="F97" s="4" t="s">
        <v>13</v>
      </c>
      <c r="G97" s="4" t="s">
        <v>13</v>
      </c>
      <c r="H97" s="4" t="s">
        <v>12</v>
      </c>
      <c r="I97" s="4" t="s">
        <v>13</v>
      </c>
    </row>
    <row r="98" spans="1:9" ht="116" x14ac:dyDescent="0.4">
      <c r="A98" s="5" t="s">
        <v>293</v>
      </c>
      <c r="B98" s="3" t="s">
        <v>294</v>
      </c>
      <c r="C98" s="3" t="s">
        <v>295</v>
      </c>
      <c r="D98" s="3" t="s">
        <v>12</v>
      </c>
      <c r="E98" s="3" t="s">
        <v>12</v>
      </c>
      <c r="F98" s="3" t="s">
        <v>13</v>
      </c>
      <c r="G98" s="3" t="s">
        <v>12</v>
      </c>
      <c r="H98" s="3" t="s">
        <v>13</v>
      </c>
      <c r="I98" s="3" t="s">
        <v>13</v>
      </c>
    </row>
    <row r="99" spans="1:9" ht="409.5" x14ac:dyDescent="0.4">
      <c r="A99" s="6" t="s">
        <v>296</v>
      </c>
      <c r="B99" s="4" t="s">
        <v>297</v>
      </c>
      <c r="C99" s="4" t="s">
        <v>298</v>
      </c>
      <c r="D99" s="4" t="s">
        <v>12</v>
      </c>
      <c r="E99" s="4" t="s">
        <v>12</v>
      </c>
      <c r="F99" s="4" t="s">
        <v>13</v>
      </c>
      <c r="G99" s="4" t="s">
        <v>13</v>
      </c>
      <c r="H99" s="4" t="s">
        <v>12</v>
      </c>
      <c r="I99" s="4" t="s">
        <v>13</v>
      </c>
    </row>
    <row r="100" spans="1:9" ht="116" x14ac:dyDescent="0.4">
      <c r="A100" s="5" t="s">
        <v>299</v>
      </c>
      <c r="B100" s="3" t="s">
        <v>300</v>
      </c>
      <c r="C100" s="3" t="s">
        <v>301</v>
      </c>
      <c r="D100" s="3" t="s">
        <v>12</v>
      </c>
      <c r="E100" s="3" t="s">
        <v>12</v>
      </c>
      <c r="F100" s="3" t="s">
        <v>13</v>
      </c>
      <c r="G100" s="3" t="s">
        <v>12</v>
      </c>
      <c r="H100" s="3" t="s">
        <v>13</v>
      </c>
      <c r="I100" s="3" t="s">
        <v>13</v>
      </c>
    </row>
    <row r="101" spans="1:9" ht="130.5" x14ac:dyDescent="0.4">
      <c r="A101" s="6" t="s">
        <v>302</v>
      </c>
      <c r="B101" s="4" t="s">
        <v>303</v>
      </c>
      <c r="C101" s="4" t="s">
        <v>304</v>
      </c>
      <c r="D101" s="4" t="s">
        <v>12</v>
      </c>
      <c r="E101" s="4" t="s">
        <v>12</v>
      </c>
      <c r="F101" s="4" t="s">
        <v>13</v>
      </c>
      <c r="G101" s="4" t="s">
        <v>12</v>
      </c>
      <c r="H101" s="4" t="s">
        <v>13</v>
      </c>
      <c r="I101" s="4" t="s">
        <v>13</v>
      </c>
    </row>
    <row r="102" spans="1:9" ht="203" x14ac:dyDescent="0.4">
      <c r="A102" s="5" t="s">
        <v>305</v>
      </c>
      <c r="B102" s="3" t="s">
        <v>306</v>
      </c>
      <c r="C102" s="3" t="s">
        <v>307</v>
      </c>
      <c r="D102" s="3" t="s">
        <v>12</v>
      </c>
      <c r="E102" s="3" t="s">
        <v>12</v>
      </c>
      <c r="F102" s="3" t="s">
        <v>13</v>
      </c>
      <c r="G102" s="3" t="s">
        <v>12</v>
      </c>
      <c r="H102" s="3" t="s">
        <v>13</v>
      </c>
      <c r="I102" s="3" t="s">
        <v>13</v>
      </c>
    </row>
    <row r="103" spans="1:9" ht="409.5" x14ac:dyDescent="0.4">
      <c r="A103" s="6" t="s">
        <v>308</v>
      </c>
      <c r="B103" s="4" t="s">
        <v>309</v>
      </c>
      <c r="C103" s="4" t="s">
        <v>310</v>
      </c>
      <c r="D103" s="4" t="s">
        <v>12</v>
      </c>
      <c r="E103" s="4" t="s">
        <v>13</v>
      </c>
      <c r="F103" s="4" t="s">
        <v>13</v>
      </c>
      <c r="G103" s="4" t="s">
        <v>13</v>
      </c>
      <c r="H103" s="4" t="s">
        <v>12</v>
      </c>
      <c r="I103" s="4" t="s">
        <v>13</v>
      </c>
    </row>
    <row r="104" spans="1:9" ht="130.5" x14ac:dyDescent="0.4">
      <c r="A104" s="5" t="s">
        <v>311</v>
      </c>
      <c r="B104" s="3" t="s">
        <v>312</v>
      </c>
      <c r="C104" s="3" t="s">
        <v>313</v>
      </c>
      <c r="D104" s="3" t="s">
        <v>13</v>
      </c>
      <c r="E104" s="3" t="s">
        <v>13</v>
      </c>
      <c r="F104" s="3" t="s">
        <v>13</v>
      </c>
      <c r="G104" s="3" t="s">
        <v>12</v>
      </c>
      <c r="H104" s="3" t="s">
        <v>13</v>
      </c>
      <c r="I104" s="3" t="s">
        <v>13</v>
      </c>
    </row>
    <row r="105" spans="1:9" ht="409.5" x14ac:dyDescent="0.4">
      <c r="A105" s="6" t="s">
        <v>314</v>
      </c>
      <c r="B105" s="4" t="s">
        <v>315</v>
      </c>
      <c r="C105" s="4" t="s">
        <v>316</v>
      </c>
      <c r="D105" s="4" t="s">
        <v>12</v>
      </c>
      <c r="E105" s="4" t="s">
        <v>13</v>
      </c>
      <c r="F105" s="4" t="s">
        <v>13</v>
      </c>
      <c r="G105" s="4" t="s">
        <v>13</v>
      </c>
      <c r="H105" s="4" t="s">
        <v>13</v>
      </c>
      <c r="I105" s="4" t="s">
        <v>13</v>
      </c>
    </row>
    <row r="106" spans="1:9" ht="409.5" x14ac:dyDescent="0.4">
      <c r="A106" s="5" t="s">
        <v>317</v>
      </c>
      <c r="B106" s="3" t="s">
        <v>318</v>
      </c>
      <c r="C106" s="3" t="s">
        <v>319</v>
      </c>
      <c r="D106" s="3" t="s">
        <v>12</v>
      </c>
      <c r="E106" s="3" t="s">
        <v>13</v>
      </c>
      <c r="F106" s="3" t="s">
        <v>13</v>
      </c>
      <c r="G106" s="3" t="s">
        <v>13</v>
      </c>
      <c r="H106" s="3" t="s">
        <v>13</v>
      </c>
      <c r="I106" s="3" t="s">
        <v>13</v>
      </c>
    </row>
    <row r="107" spans="1:9" ht="174" x14ac:dyDescent="0.4">
      <c r="A107" s="6" t="s">
        <v>320</v>
      </c>
      <c r="B107" s="4" t="s">
        <v>321</v>
      </c>
      <c r="C107" s="4" t="s">
        <v>322</v>
      </c>
      <c r="D107" s="4" t="s">
        <v>13</v>
      </c>
      <c r="E107" s="4" t="s">
        <v>13</v>
      </c>
      <c r="F107" s="4" t="s">
        <v>13</v>
      </c>
      <c r="G107" s="4" t="s">
        <v>12</v>
      </c>
      <c r="H107" s="4" t="s">
        <v>13</v>
      </c>
      <c r="I107" s="4" t="s">
        <v>13</v>
      </c>
    </row>
    <row r="108" spans="1:9" ht="409.5" x14ac:dyDescent="0.4">
      <c r="A108" s="5" t="s">
        <v>323</v>
      </c>
      <c r="B108" s="3" t="s">
        <v>324</v>
      </c>
      <c r="C108" s="3" t="s">
        <v>325</v>
      </c>
      <c r="D108" s="3" t="s">
        <v>13</v>
      </c>
      <c r="E108" s="3" t="s">
        <v>13</v>
      </c>
      <c r="F108" s="3" t="s">
        <v>13</v>
      </c>
      <c r="G108" s="3" t="s">
        <v>13</v>
      </c>
      <c r="H108" s="3" t="s">
        <v>12</v>
      </c>
      <c r="I108" s="3" t="s">
        <v>13</v>
      </c>
    </row>
    <row r="109" spans="1:9" ht="409.5" x14ac:dyDescent="0.4">
      <c r="A109" s="6" t="s">
        <v>326</v>
      </c>
      <c r="B109" s="4" t="s">
        <v>327</v>
      </c>
      <c r="C109" s="4" t="s">
        <v>328</v>
      </c>
      <c r="D109" s="4" t="s">
        <v>13</v>
      </c>
      <c r="E109" s="4" t="s">
        <v>13</v>
      </c>
      <c r="F109" s="4" t="s">
        <v>13</v>
      </c>
      <c r="G109" s="4" t="s">
        <v>13</v>
      </c>
      <c r="H109" s="4" t="s">
        <v>12</v>
      </c>
      <c r="I109" s="4" t="s">
        <v>13</v>
      </c>
    </row>
    <row r="110" spans="1:9" ht="348" x14ac:dyDescent="0.4">
      <c r="A110" s="5" t="s">
        <v>329</v>
      </c>
      <c r="B110" s="3" t="s">
        <v>330</v>
      </c>
      <c r="C110" s="3" t="s">
        <v>331</v>
      </c>
      <c r="D110" s="3" t="s">
        <v>13</v>
      </c>
      <c r="E110" s="3" t="s">
        <v>13</v>
      </c>
      <c r="F110" s="3" t="s">
        <v>13</v>
      </c>
      <c r="G110" s="3" t="s">
        <v>13</v>
      </c>
      <c r="H110" s="3" t="s">
        <v>12</v>
      </c>
      <c r="I110" s="3" t="s">
        <v>13</v>
      </c>
    </row>
    <row r="111" spans="1:9" ht="362.5" x14ac:dyDescent="0.4">
      <c r="A111" s="6" t="s">
        <v>332</v>
      </c>
      <c r="B111" s="4" t="s">
        <v>333</v>
      </c>
      <c r="C111" s="4" t="s">
        <v>334</v>
      </c>
      <c r="D111" s="4" t="s">
        <v>13</v>
      </c>
      <c r="E111" s="4" t="s">
        <v>13</v>
      </c>
      <c r="F111" s="4" t="s">
        <v>13</v>
      </c>
      <c r="G111" s="4" t="s">
        <v>13</v>
      </c>
      <c r="H111" s="4" t="s">
        <v>12</v>
      </c>
      <c r="I111" s="4" t="s">
        <v>13</v>
      </c>
    </row>
    <row r="112" spans="1:9" ht="409.5" x14ac:dyDescent="0.4">
      <c r="A112" s="5" t="s">
        <v>227</v>
      </c>
      <c r="B112" s="3" t="s">
        <v>228</v>
      </c>
      <c r="C112" s="3" t="s">
        <v>335</v>
      </c>
      <c r="D112" s="3" t="s">
        <v>13</v>
      </c>
      <c r="E112" s="3" t="s">
        <v>13</v>
      </c>
      <c r="F112" s="3" t="s">
        <v>13</v>
      </c>
      <c r="G112" s="3" t="s">
        <v>13</v>
      </c>
      <c r="H112" s="3" t="s">
        <v>12</v>
      </c>
      <c r="I112" s="3" t="s">
        <v>13</v>
      </c>
    </row>
    <row r="113" spans="1:9" ht="409.5" x14ac:dyDescent="0.4">
      <c r="A113" s="6" t="s">
        <v>336</v>
      </c>
      <c r="B113" s="4" t="s">
        <v>337</v>
      </c>
      <c r="C113" s="4" t="s">
        <v>338</v>
      </c>
      <c r="D113" s="4" t="s">
        <v>13</v>
      </c>
      <c r="E113" s="4" t="s">
        <v>13</v>
      </c>
      <c r="F113" s="4" t="s">
        <v>13</v>
      </c>
      <c r="G113" s="4" t="s">
        <v>13</v>
      </c>
      <c r="H113" s="4" t="s">
        <v>12</v>
      </c>
      <c r="I113" s="4" t="s">
        <v>13</v>
      </c>
    </row>
    <row r="114" spans="1:9" ht="409.5" x14ac:dyDescent="0.4">
      <c r="A114" s="5" t="s">
        <v>339</v>
      </c>
      <c r="B114" s="3" t="s">
        <v>340</v>
      </c>
      <c r="C114" s="3" t="s">
        <v>341</v>
      </c>
      <c r="D114" s="3" t="s">
        <v>12</v>
      </c>
      <c r="E114" s="3" t="s">
        <v>13</v>
      </c>
      <c r="F114" s="3" t="s">
        <v>12</v>
      </c>
      <c r="G114" s="3" t="s">
        <v>13</v>
      </c>
      <c r="H114" s="3" t="s">
        <v>13</v>
      </c>
      <c r="I114" s="3" t="s">
        <v>12</v>
      </c>
    </row>
    <row r="115" spans="1:9" ht="319" x14ac:dyDescent="0.4">
      <c r="A115" s="6" t="s">
        <v>342</v>
      </c>
      <c r="B115" s="4" t="s">
        <v>343</v>
      </c>
      <c r="C115" s="4" t="s">
        <v>344</v>
      </c>
      <c r="D115" s="4" t="s">
        <v>12</v>
      </c>
      <c r="E115" s="4" t="s">
        <v>13</v>
      </c>
      <c r="F115" s="4" t="s">
        <v>12</v>
      </c>
      <c r="G115" s="4" t="s">
        <v>13</v>
      </c>
      <c r="H115" s="4" t="s">
        <v>12</v>
      </c>
      <c r="I115" s="4" t="s">
        <v>13</v>
      </c>
    </row>
    <row r="116" spans="1:9" ht="409.5" x14ac:dyDescent="0.4">
      <c r="A116" s="5" t="s">
        <v>345</v>
      </c>
      <c r="B116" s="3" t="s">
        <v>346</v>
      </c>
      <c r="C116" s="3" t="s">
        <v>347</v>
      </c>
      <c r="D116" s="3" t="s">
        <v>12</v>
      </c>
      <c r="E116" s="3" t="s">
        <v>12</v>
      </c>
      <c r="F116" s="3" t="s">
        <v>12</v>
      </c>
      <c r="G116" s="3" t="s">
        <v>12</v>
      </c>
      <c r="H116" s="3" t="s">
        <v>12</v>
      </c>
      <c r="I116" s="3" t="s">
        <v>13</v>
      </c>
    </row>
    <row r="117" spans="1:9" ht="362.5" x14ac:dyDescent="0.4">
      <c r="A117" s="6" t="s">
        <v>348</v>
      </c>
      <c r="B117" s="4" t="s">
        <v>349</v>
      </c>
      <c r="C117" s="4" t="s">
        <v>350</v>
      </c>
      <c r="D117" s="4" t="s">
        <v>12</v>
      </c>
      <c r="E117" s="4" t="s">
        <v>12</v>
      </c>
      <c r="F117" s="4" t="s">
        <v>12</v>
      </c>
      <c r="G117" s="4" t="s">
        <v>12</v>
      </c>
      <c r="H117" s="4" t="s">
        <v>13</v>
      </c>
      <c r="I117" s="4" t="s">
        <v>12</v>
      </c>
    </row>
    <row r="118" spans="1:9" ht="409.5" x14ac:dyDescent="0.4">
      <c r="A118" s="5" t="s">
        <v>351</v>
      </c>
      <c r="B118" s="3" t="s">
        <v>352</v>
      </c>
      <c r="C118" s="3" t="s">
        <v>353</v>
      </c>
      <c r="D118" s="3" t="s">
        <v>12</v>
      </c>
      <c r="E118" s="3" t="s">
        <v>12</v>
      </c>
      <c r="F118" s="3" t="s">
        <v>13</v>
      </c>
      <c r="G118" s="3" t="s">
        <v>13</v>
      </c>
      <c r="H118" s="3" t="s">
        <v>13</v>
      </c>
      <c r="I118" s="3" t="s">
        <v>13</v>
      </c>
    </row>
    <row r="119" spans="1:9" ht="409.5" x14ac:dyDescent="0.4">
      <c r="A119" s="6" t="s">
        <v>354</v>
      </c>
      <c r="B119" s="4" t="s">
        <v>355</v>
      </c>
      <c r="C119" s="4" t="s">
        <v>356</v>
      </c>
      <c r="D119" s="4" t="s">
        <v>12</v>
      </c>
      <c r="E119" s="4" t="s">
        <v>12</v>
      </c>
      <c r="F119" s="4" t="s">
        <v>12</v>
      </c>
      <c r="G119" s="4" t="s">
        <v>13</v>
      </c>
      <c r="H119" s="4" t="s">
        <v>13</v>
      </c>
      <c r="I119" s="4" t="s">
        <v>12</v>
      </c>
    </row>
    <row r="120" spans="1:9" ht="174" x14ac:dyDescent="0.4">
      <c r="A120" s="5" t="s">
        <v>357</v>
      </c>
      <c r="B120" s="3" t="s">
        <v>358</v>
      </c>
      <c r="C120" s="3" t="s">
        <v>359</v>
      </c>
      <c r="D120" s="3" t="s">
        <v>13</v>
      </c>
      <c r="E120" s="3" t="s">
        <v>13</v>
      </c>
      <c r="F120" s="3" t="s">
        <v>12</v>
      </c>
      <c r="G120" s="3" t="s">
        <v>13</v>
      </c>
      <c r="H120" s="3" t="s">
        <v>13</v>
      </c>
      <c r="I120" s="3" t="s">
        <v>13</v>
      </c>
    </row>
    <row r="121" spans="1:9" ht="116" x14ac:dyDescent="0.4">
      <c r="A121" s="6" t="s">
        <v>360</v>
      </c>
      <c r="B121" s="4" t="s">
        <v>361</v>
      </c>
      <c r="C121" s="4" t="s">
        <v>362</v>
      </c>
      <c r="D121" s="4" t="s">
        <v>12</v>
      </c>
      <c r="E121" s="4" t="s">
        <v>13</v>
      </c>
      <c r="F121" s="4" t="s">
        <v>13</v>
      </c>
      <c r="G121" s="4" t="s">
        <v>13</v>
      </c>
      <c r="H121" s="4" t="s">
        <v>13</v>
      </c>
      <c r="I121" s="4" t="s">
        <v>13</v>
      </c>
    </row>
    <row r="122" spans="1:9" ht="391.5" x14ac:dyDescent="0.4">
      <c r="A122" s="5" t="s">
        <v>363</v>
      </c>
      <c r="B122" s="3" t="s">
        <v>364</v>
      </c>
      <c r="C122" s="3" t="s">
        <v>365</v>
      </c>
      <c r="D122" s="3" t="s">
        <v>12</v>
      </c>
      <c r="E122" s="3" t="s">
        <v>12</v>
      </c>
      <c r="F122" s="3" t="s">
        <v>13</v>
      </c>
      <c r="G122" s="3" t="s">
        <v>12</v>
      </c>
      <c r="H122" s="3" t="s">
        <v>13</v>
      </c>
      <c r="I122" s="3" t="s">
        <v>13</v>
      </c>
    </row>
    <row r="123" spans="1:9" ht="217.5" x14ac:dyDescent="0.4">
      <c r="A123" s="6" t="s">
        <v>366</v>
      </c>
      <c r="B123" s="4" t="s">
        <v>367</v>
      </c>
      <c r="C123" s="4" t="s">
        <v>368</v>
      </c>
      <c r="D123" s="4" t="s">
        <v>12</v>
      </c>
      <c r="E123" s="4" t="s">
        <v>12</v>
      </c>
      <c r="F123" s="4" t="s">
        <v>12</v>
      </c>
      <c r="G123" s="4" t="s">
        <v>12</v>
      </c>
      <c r="H123" s="4" t="s">
        <v>12</v>
      </c>
      <c r="I123" s="4" t="s">
        <v>13</v>
      </c>
    </row>
    <row r="124" spans="1:9" ht="409.5" x14ac:dyDescent="0.4">
      <c r="A124" s="5" t="s">
        <v>369</v>
      </c>
      <c r="B124" s="3" t="s">
        <v>370</v>
      </c>
      <c r="C124" s="3" t="s">
        <v>371</v>
      </c>
      <c r="D124" s="3" t="s">
        <v>12</v>
      </c>
      <c r="E124" s="3" t="s">
        <v>12</v>
      </c>
      <c r="F124" s="3" t="s">
        <v>13</v>
      </c>
      <c r="G124" s="3" t="s">
        <v>13</v>
      </c>
      <c r="H124" s="3" t="s">
        <v>12</v>
      </c>
      <c r="I124" s="3" t="s">
        <v>13</v>
      </c>
    </row>
    <row r="125" spans="1:9" ht="319" x14ac:dyDescent="0.4">
      <c r="A125" s="6" t="s">
        <v>372</v>
      </c>
      <c r="B125" s="4" t="s">
        <v>373</v>
      </c>
      <c r="C125" s="4" t="s">
        <v>374</v>
      </c>
      <c r="D125" s="4" t="s">
        <v>12</v>
      </c>
      <c r="E125" s="4" t="s">
        <v>13</v>
      </c>
      <c r="F125" s="4" t="s">
        <v>13</v>
      </c>
      <c r="G125" s="4" t="s">
        <v>13</v>
      </c>
      <c r="H125" s="4" t="s">
        <v>13</v>
      </c>
      <c r="I125" s="4" t="s">
        <v>13</v>
      </c>
    </row>
    <row r="126" spans="1:9" ht="409.5" x14ac:dyDescent="0.4">
      <c r="A126" s="5" t="s">
        <v>375</v>
      </c>
      <c r="B126" s="3" t="s">
        <v>376</v>
      </c>
      <c r="C126" s="3" t="s">
        <v>377</v>
      </c>
      <c r="D126" s="3" t="s">
        <v>12</v>
      </c>
      <c r="E126" s="3" t="s">
        <v>13</v>
      </c>
      <c r="F126" s="3" t="s">
        <v>13</v>
      </c>
      <c r="G126" s="3" t="s">
        <v>13</v>
      </c>
      <c r="H126" s="3" t="s">
        <v>13</v>
      </c>
      <c r="I126" s="3" t="s">
        <v>13</v>
      </c>
    </row>
    <row r="127" spans="1:9" ht="409.5" x14ac:dyDescent="0.4">
      <c r="A127" s="6" t="s">
        <v>378</v>
      </c>
      <c r="B127" s="4" t="s">
        <v>379</v>
      </c>
      <c r="C127" s="4" t="s">
        <v>380</v>
      </c>
      <c r="D127" s="4" t="s">
        <v>12</v>
      </c>
      <c r="E127" s="4" t="s">
        <v>12</v>
      </c>
      <c r="F127" s="4" t="s">
        <v>13</v>
      </c>
      <c r="G127" s="4" t="s">
        <v>12</v>
      </c>
      <c r="H127" s="4" t="s">
        <v>13</v>
      </c>
      <c r="I127" s="4" t="s">
        <v>13</v>
      </c>
    </row>
    <row r="128" spans="1:9" ht="409.5" x14ac:dyDescent="0.4">
      <c r="A128" s="5" t="s">
        <v>381</v>
      </c>
      <c r="B128" s="3" t="s">
        <v>382</v>
      </c>
      <c r="C128" s="3" t="s">
        <v>383</v>
      </c>
      <c r="D128" s="3" t="s">
        <v>12</v>
      </c>
      <c r="E128" s="3" t="s">
        <v>12</v>
      </c>
      <c r="F128" s="3" t="s">
        <v>13</v>
      </c>
      <c r="G128" s="3" t="s">
        <v>13</v>
      </c>
      <c r="H128" s="3" t="s">
        <v>13</v>
      </c>
      <c r="I128" s="3" t="s">
        <v>13</v>
      </c>
    </row>
    <row r="129" spans="1:9" ht="319" x14ac:dyDescent="0.4">
      <c r="A129" s="6" t="s">
        <v>384</v>
      </c>
      <c r="B129" s="4" t="s">
        <v>385</v>
      </c>
      <c r="C129" s="4"/>
      <c r="D129" s="4" t="s">
        <v>13</v>
      </c>
      <c r="E129" s="4" t="s">
        <v>12</v>
      </c>
      <c r="F129" s="4" t="s">
        <v>13</v>
      </c>
      <c r="G129" s="4" t="s">
        <v>13</v>
      </c>
      <c r="H129" s="4" t="s">
        <v>13</v>
      </c>
      <c r="I129" s="4" t="s">
        <v>13</v>
      </c>
    </row>
    <row r="130" spans="1:9" ht="58" x14ac:dyDescent="0.4">
      <c r="A130" s="5" t="s">
        <v>386</v>
      </c>
      <c r="B130" s="3" t="s">
        <v>387</v>
      </c>
      <c r="C130" s="3" t="s">
        <v>388</v>
      </c>
      <c r="D130" s="3" t="s">
        <v>12</v>
      </c>
      <c r="E130" s="3" t="s">
        <v>12</v>
      </c>
      <c r="F130" s="3" t="s">
        <v>13</v>
      </c>
      <c r="G130" s="3" t="s">
        <v>13</v>
      </c>
      <c r="H130" s="3" t="s">
        <v>13</v>
      </c>
      <c r="I130" s="3" t="s">
        <v>13</v>
      </c>
    </row>
    <row r="131" spans="1:9" ht="87" x14ac:dyDescent="0.4">
      <c r="A131" s="6" t="s">
        <v>389</v>
      </c>
      <c r="B131" s="4" t="s">
        <v>390</v>
      </c>
      <c r="C131" s="4" t="s">
        <v>391</v>
      </c>
      <c r="D131" s="4" t="s">
        <v>12</v>
      </c>
      <c r="E131" s="4" t="s">
        <v>12</v>
      </c>
      <c r="F131" s="4" t="s">
        <v>13</v>
      </c>
      <c r="G131" s="4" t="s">
        <v>13</v>
      </c>
      <c r="H131" s="4" t="s">
        <v>13</v>
      </c>
      <c r="I131" s="4" t="s">
        <v>13</v>
      </c>
    </row>
    <row r="132" spans="1:9" ht="409.5" x14ac:dyDescent="0.4">
      <c r="A132" s="5" t="s">
        <v>392</v>
      </c>
      <c r="B132" s="3" t="s">
        <v>393</v>
      </c>
      <c r="C132" s="3" t="s">
        <v>394</v>
      </c>
      <c r="D132" s="3" t="s">
        <v>12</v>
      </c>
      <c r="E132" s="3" t="s">
        <v>12</v>
      </c>
      <c r="F132" s="3" t="s">
        <v>12</v>
      </c>
      <c r="G132" s="3" t="s">
        <v>12</v>
      </c>
      <c r="H132" s="3" t="s">
        <v>12</v>
      </c>
      <c r="I132" s="3" t="s">
        <v>13</v>
      </c>
    </row>
    <row r="133" spans="1:9" ht="188.5" x14ac:dyDescent="0.4">
      <c r="A133" s="6" t="s">
        <v>395</v>
      </c>
      <c r="B133" s="4" t="s">
        <v>396</v>
      </c>
      <c r="C133" s="4" t="s">
        <v>397</v>
      </c>
      <c r="D133" s="4" t="s">
        <v>12</v>
      </c>
      <c r="E133" s="4" t="s">
        <v>12</v>
      </c>
      <c r="F133" s="4" t="s">
        <v>13</v>
      </c>
      <c r="G133" s="4" t="s">
        <v>12</v>
      </c>
      <c r="H133" s="4" t="s">
        <v>13</v>
      </c>
      <c r="I133" s="4" t="s">
        <v>13</v>
      </c>
    </row>
    <row r="134" spans="1:9" ht="409.5" x14ac:dyDescent="0.4">
      <c r="A134" s="5" t="s">
        <v>398</v>
      </c>
      <c r="B134" s="3" t="s">
        <v>399</v>
      </c>
      <c r="C134" s="3" t="s">
        <v>400</v>
      </c>
      <c r="D134" s="3" t="s">
        <v>12</v>
      </c>
      <c r="E134" s="3" t="s">
        <v>12</v>
      </c>
      <c r="F134" s="3" t="s">
        <v>13</v>
      </c>
      <c r="G134" s="3" t="s">
        <v>13</v>
      </c>
      <c r="H134" s="3" t="s">
        <v>12</v>
      </c>
      <c r="I134" s="3" t="s">
        <v>13</v>
      </c>
    </row>
    <row r="135" spans="1:9" ht="333.5" x14ac:dyDescent="0.4">
      <c r="A135" s="6" t="s">
        <v>401</v>
      </c>
      <c r="B135" s="4" t="s">
        <v>402</v>
      </c>
      <c r="C135" s="4" t="s">
        <v>403</v>
      </c>
      <c r="D135" s="4" t="s">
        <v>12</v>
      </c>
      <c r="E135" s="4" t="s">
        <v>12</v>
      </c>
      <c r="F135" s="4" t="s">
        <v>13</v>
      </c>
      <c r="G135" s="4" t="s">
        <v>13</v>
      </c>
      <c r="H135" s="4" t="s">
        <v>13</v>
      </c>
      <c r="I135" s="4" t="s">
        <v>13</v>
      </c>
    </row>
    <row r="136" spans="1:9" ht="409.5" x14ac:dyDescent="0.4">
      <c r="A136" s="5" t="s">
        <v>404</v>
      </c>
      <c r="B136" s="3" t="s">
        <v>405</v>
      </c>
      <c r="C136" s="3" t="s">
        <v>406</v>
      </c>
      <c r="D136" s="3" t="s">
        <v>12</v>
      </c>
      <c r="E136" s="3" t="s">
        <v>12</v>
      </c>
      <c r="F136" s="3" t="s">
        <v>12</v>
      </c>
      <c r="G136" s="3" t="s">
        <v>12</v>
      </c>
      <c r="H136" s="3" t="s">
        <v>12</v>
      </c>
      <c r="I136" s="3" t="s">
        <v>13</v>
      </c>
    </row>
    <row r="137" spans="1:9" ht="409.5" x14ac:dyDescent="0.4">
      <c r="A137" s="6" t="s">
        <v>407</v>
      </c>
      <c r="B137" s="4" t="s">
        <v>408</v>
      </c>
      <c r="C137" s="4" t="s">
        <v>409</v>
      </c>
      <c r="D137" s="4" t="s">
        <v>13</v>
      </c>
      <c r="E137" s="4" t="s">
        <v>12</v>
      </c>
      <c r="F137" s="4" t="s">
        <v>12</v>
      </c>
      <c r="G137" s="4" t="s">
        <v>12</v>
      </c>
      <c r="H137" s="4" t="s">
        <v>13</v>
      </c>
      <c r="I137" s="4" t="s">
        <v>13</v>
      </c>
    </row>
    <row r="138" spans="1:9" ht="409.5" x14ac:dyDescent="0.4">
      <c r="A138" s="5" t="s">
        <v>410</v>
      </c>
      <c r="B138" s="3" t="s">
        <v>411</v>
      </c>
      <c r="C138" s="3" t="s">
        <v>412</v>
      </c>
      <c r="D138" s="3" t="s">
        <v>13</v>
      </c>
      <c r="E138" s="3" t="s">
        <v>13</v>
      </c>
      <c r="F138" s="3" t="s">
        <v>13</v>
      </c>
      <c r="G138" s="3" t="s">
        <v>13</v>
      </c>
      <c r="H138" s="3" t="s">
        <v>12</v>
      </c>
      <c r="I138" s="3" t="s">
        <v>13</v>
      </c>
    </row>
    <row r="139" spans="1:9" ht="406" x14ac:dyDescent="0.4">
      <c r="A139" s="6" t="s">
        <v>413</v>
      </c>
      <c r="B139" s="4" t="s">
        <v>414</v>
      </c>
      <c r="C139" s="4" t="s">
        <v>415</v>
      </c>
      <c r="D139" s="4" t="s">
        <v>12</v>
      </c>
      <c r="E139" s="4" t="s">
        <v>12</v>
      </c>
      <c r="F139" s="4" t="s">
        <v>13</v>
      </c>
      <c r="G139" s="4" t="s">
        <v>13</v>
      </c>
      <c r="H139" s="4" t="s">
        <v>13</v>
      </c>
      <c r="I139" s="4" t="s">
        <v>13</v>
      </c>
    </row>
    <row r="140" spans="1:9" ht="261" x14ac:dyDescent="0.4">
      <c r="A140" s="5" t="s">
        <v>416</v>
      </c>
      <c r="B140" s="3" t="s">
        <v>417</v>
      </c>
      <c r="C140" s="3" t="s">
        <v>418</v>
      </c>
      <c r="D140" s="3" t="s">
        <v>12</v>
      </c>
      <c r="E140" s="3" t="s">
        <v>13</v>
      </c>
      <c r="F140" s="3" t="s">
        <v>13</v>
      </c>
      <c r="G140" s="3" t="s">
        <v>13</v>
      </c>
      <c r="H140" s="3" t="s">
        <v>13</v>
      </c>
      <c r="I140" s="3" t="s">
        <v>12</v>
      </c>
    </row>
    <row r="141" spans="1:9" ht="409.5" x14ac:dyDescent="0.4">
      <c r="A141" s="6" t="s">
        <v>419</v>
      </c>
      <c r="B141" s="4" t="s">
        <v>420</v>
      </c>
      <c r="C141" s="4" t="s">
        <v>421</v>
      </c>
      <c r="D141" s="4" t="s">
        <v>13</v>
      </c>
      <c r="E141" s="4" t="s">
        <v>13</v>
      </c>
      <c r="F141" s="4" t="s">
        <v>13</v>
      </c>
      <c r="G141" s="4" t="s">
        <v>12</v>
      </c>
      <c r="H141" s="4" t="s">
        <v>12</v>
      </c>
      <c r="I141" s="4" t="s">
        <v>13</v>
      </c>
    </row>
    <row r="142" spans="1:9" ht="72.5" x14ac:dyDescent="0.4">
      <c r="A142" s="5" t="s">
        <v>422</v>
      </c>
      <c r="B142" s="3" t="s">
        <v>423</v>
      </c>
      <c r="C142" s="3" t="s">
        <v>424</v>
      </c>
      <c r="D142" s="3" t="s">
        <v>12</v>
      </c>
      <c r="E142" s="3" t="s">
        <v>13</v>
      </c>
      <c r="F142" s="3" t="s">
        <v>13</v>
      </c>
      <c r="G142" s="3" t="s">
        <v>13</v>
      </c>
      <c r="H142" s="3" t="s">
        <v>13</v>
      </c>
      <c r="I142" s="3" t="s">
        <v>13</v>
      </c>
    </row>
    <row r="143" spans="1:9" ht="72.5" x14ac:dyDescent="0.4">
      <c r="A143" s="6" t="s">
        <v>425</v>
      </c>
      <c r="B143" s="4" t="s">
        <v>426</v>
      </c>
      <c r="C143" s="4" t="s">
        <v>427</v>
      </c>
      <c r="D143" s="4" t="s">
        <v>12</v>
      </c>
      <c r="E143" s="4" t="s">
        <v>13</v>
      </c>
      <c r="F143" s="4" t="s">
        <v>13</v>
      </c>
      <c r="G143" s="4" t="s">
        <v>13</v>
      </c>
      <c r="H143" s="4" t="s">
        <v>13</v>
      </c>
      <c r="I143" s="4" t="s">
        <v>13</v>
      </c>
    </row>
    <row r="144" spans="1:9" ht="409.5" x14ac:dyDescent="0.4">
      <c r="A144" s="5" t="s">
        <v>428</v>
      </c>
      <c r="B144" s="3" t="s">
        <v>429</v>
      </c>
      <c r="C144" s="3" t="s">
        <v>430</v>
      </c>
      <c r="D144" s="3" t="s">
        <v>13</v>
      </c>
      <c r="E144" s="3" t="s">
        <v>13</v>
      </c>
      <c r="F144" s="3" t="s">
        <v>13</v>
      </c>
      <c r="G144" s="3" t="s">
        <v>13</v>
      </c>
      <c r="H144" s="3" t="s">
        <v>12</v>
      </c>
      <c r="I144" s="3" t="s">
        <v>13</v>
      </c>
    </row>
    <row r="145" spans="1:9" ht="409.5" x14ac:dyDescent="0.4">
      <c r="A145" s="6" t="s">
        <v>431</v>
      </c>
      <c r="B145" s="4" t="s">
        <v>432</v>
      </c>
      <c r="C145" s="4" t="s">
        <v>433</v>
      </c>
      <c r="D145" s="4" t="s">
        <v>12</v>
      </c>
      <c r="E145" s="4" t="s">
        <v>13</v>
      </c>
      <c r="F145" s="4" t="s">
        <v>13</v>
      </c>
      <c r="G145" s="4" t="s">
        <v>13</v>
      </c>
      <c r="H145" s="4" t="s">
        <v>13</v>
      </c>
      <c r="I145" s="4" t="s">
        <v>13</v>
      </c>
    </row>
    <row r="146" spans="1:9" ht="290" x14ac:dyDescent="0.4">
      <c r="A146" s="5" t="s">
        <v>434</v>
      </c>
      <c r="B146" s="3" t="s">
        <v>435</v>
      </c>
      <c r="C146" s="3" t="s">
        <v>436</v>
      </c>
      <c r="D146" s="3" t="s">
        <v>12</v>
      </c>
      <c r="E146" s="3" t="s">
        <v>13</v>
      </c>
      <c r="F146" s="3" t="s">
        <v>12</v>
      </c>
      <c r="G146" s="3" t="s">
        <v>13</v>
      </c>
      <c r="H146" s="3" t="s">
        <v>13</v>
      </c>
      <c r="I146" s="3" t="s">
        <v>13</v>
      </c>
    </row>
    <row r="147" spans="1:9" ht="409.5" x14ac:dyDescent="0.4">
      <c r="A147" s="6" t="s">
        <v>437</v>
      </c>
      <c r="B147" s="4" t="s">
        <v>438</v>
      </c>
      <c r="C147" s="4" t="s">
        <v>439</v>
      </c>
      <c r="D147" s="4" t="s">
        <v>12</v>
      </c>
      <c r="E147" s="4" t="s">
        <v>13</v>
      </c>
      <c r="F147" s="4" t="s">
        <v>13</v>
      </c>
      <c r="G147" s="4" t="s">
        <v>13</v>
      </c>
      <c r="H147" s="4" t="s">
        <v>12</v>
      </c>
      <c r="I147" s="4" t="s">
        <v>13</v>
      </c>
    </row>
    <row r="148" spans="1:9" ht="72.5" x14ac:dyDescent="0.4">
      <c r="A148" s="5" t="s">
        <v>440</v>
      </c>
      <c r="B148" s="3" t="s">
        <v>441</v>
      </c>
      <c r="C148" s="3" t="s">
        <v>442</v>
      </c>
      <c r="D148" s="3" t="s">
        <v>12</v>
      </c>
      <c r="E148" s="3" t="s">
        <v>13</v>
      </c>
      <c r="F148" s="3" t="s">
        <v>13</v>
      </c>
      <c r="G148" s="3" t="s">
        <v>13</v>
      </c>
      <c r="H148" s="3" t="s">
        <v>13</v>
      </c>
      <c r="I148" s="3" t="s">
        <v>13</v>
      </c>
    </row>
    <row r="149" spans="1:9" ht="409.5" x14ac:dyDescent="0.4">
      <c r="A149" s="6" t="s">
        <v>443</v>
      </c>
      <c r="B149" s="4" t="s">
        <v>444</v>
      </c>
      <c r="C149" s="4" t="s">
        <v>445</v>
      </c>
      <c r="D149" s="4" t="s">
        <v>12</v>
      </c>
      <c r="E149" s="4" t="s">
        <v>13</v>
      </c>
      <c r="F149" s="4" t="s">
        <v>12</v>
      </c>
      <c r="G149" s="4" t="s">
        <v>13</v>
      </c>
      <c r="H149" s="4" t="s">
        <v>12</v>
      </c>
      <c r="I149" s="4" t="s">
        <v>13</v>
      </c>
    </row>
    <row r="150" spans="1:9" ht="409.5" x14ac:dyDescent="0.4">
      <c r="A150" s="5" t="s">
        <v>446</v>
      </c>
      <c r="B150" s="3" t="s">
        <v>447</v>
      </c>
      <c r="C150" s="3" t="s">
        <v>448</v>
      </c>
      <c r="D150" s="3" t="s">
        <v>13</v>
      </c>
      <c r="E150" s="3" t="s">
        <v>12</v>
      </c>
      <c r="F150" s="3" t="s">
        <v>13</v>
      </c>
      <c r="G150" s="3" t="s">
        <v>13</v>
      </c>
      <c r="H150" s="3" t="s">
        <v>13</v>
      </c>
      <c r="I150" s="3" t="s">
        <v>12</v>
      </c>
    </row>
    <row r="151" spans="1:9" ht="145" x14ac:dyDescent="0.4">
      <c r="A151" s="6" t="s">
        <v>449</v>
      </c>
      <c r="B151" s="4" t="s">
        <v>450</v>
      </c>
      <c r="C151" s="4" t="s">
        <v>451</v>
      </c>
      <c r="D151" s="4" t="s">
        <v>13</v>
      </c>
      <c r="E151" s="4" t="s">
        <v>12</v>
      </c>
      <c r="F151" s="4" t="s">
        <v>13</v>
      </c>
      <c r="G151" s="4" t="s">
        <v>13</v>
      </c>
      <c r="H151" s="4" t="s">
        <v>13</v>
      </c>
      <c r="I151" s="4" t="s">
        <v>13</v>
      </c>
    </row>
    <row r="152" spans="1:9" ht="101.5" x14ac:dyDescent="0.4">
      <c r="A152" s="5" t="s">
        <v>452</v>
      </c>
      <c r="B152" s="3" t="s">
        <v>453</v>
      </c>
      <c r="C152" s="3" t="s">
        <v>454</v>
      </c>
      <c r="D152" s="3" t="s">
        <v>12</v>
      </c>
      <c r="E152" s="3" t="s">
        <v>13</v>
      </c>
      <c r="F152" s="3" t="s">
        <v>13</v>
      </c>
      <c r="G152" s="3" t="s">
        <v>13</v>
      </c>
      <c r="H152" s="3" t="s">
        <v>13</v>
      </c>
      <c r="I152" s="3" t="s">
        <v>13</v>
      </c>
    </row>
    <row r="153" spans="1:9" ht="409.5" x14ac:dyDescent="0.4">
      <c r="A153" s="6" t="s">
        <v>455</v>
      </c>
      <c r="B153" s="4" t="s">
        <v>456</v>
      </c>
      <c r="C153" s="4" t="s">
        <v>457</v>
      </c>
      <c r="D153" s="4" t="s">
        <v>12</v>
      </c>
      <c r="E153" s="4" t="s">
        <v>12</v>
      </c>
      <c r="F153" s="4" t="s">
        <v>13</v>
      </c>
      <c r="G153" s="4" t="s">
        <v>13</v>
      </c>
      <c r="H153" s="4" t="s">
        <v>13</v>
      </c>
      <c r="I153" s="4" t="s">
        <v>13</v>
      </c>
    </row>
    <row r="154" spans="1:9" ht="72.5" x14ac:dyDescent="0.4">
      <c r="A154" s="5" t="s">
        <v>458</v>
      </c>
      <c r="B154" s="3" t="s">
        <v>459</v>
      </c>
      <c r="C154" s="3" t="s">
        <v>460</v>
      </c>
      <c r="D154" s="3" t="s">
        <v>12</v>
      </c>
      <c r="E154" s="3" t="s">
        <v>13</v>
      </c>
      <c r="F154" s="3" t="s">
        <v>13</v>
      </c>
      <c r="G154" s="3" t="s">
        <v>13</v>
      </c>
      <c r="H154" s="3" t="s">
        <v>13</v>
      </c>
      <c r="I154" s="3" t="s">
        <v>13</v>
      </c>
    </row>
    <row r="155" spans="1:9" ht="188.5" x14ac:dyDescent="0.4">
      <c r="A155" s="6" t="s">
        <v>461</v>
      </c>
      <c r="B155" s="4" t="s">
        <v>462</v>
      </c>
      <c r="C155" s="4" t="s">
        <v>463</v>
      </c>
      <c r="D155" s="4" t="s">
        <v>12</v>
      </c>
      <c r="E155" s="4" t="s">
        <v>12</v>
      </c>
      <c r="F155" s="4" t="s">
        <v>13</v>
      </c>
      <c r="G155" s="4" t="s">
        <v>12</v>
      </c>
      <c r="H155" s="4" t="s">
        <v>13</v>
      </c>
      <c r="I155" s="4" t="s">
        <v>12</v>
      </c>
    </row>
    <row r="156" spans="1:9" ht="217.5" x14ac:dyDescent="0.4">
      <c r="A156" s="5" t="s">
        <v>464</v>
      </c>
      <c r="B156" s="3" t="s">
        <v>465</v>
      </c>
      <c r="C156" s="3" t="s">
        <v>466</v>
      </c>
      <c r="D156" s="3" t="s">
        <v>12</v>
      </c>
      <c r="E156" s="3" t="s">
        <v>12</v>
      </c>
      <c r="F156" s="3" t="s">
        <v>13</v>
      </c>
      <c r="G156" s="3" t="s">
        <v>13</v>
      </c>
      <c r="H156" s="3" t="s">
        <v>13</v>
      </c>
      <c r="I156" s="3" t="s">
        <v>13</v>
      </c>
    </row>
    <row r="157" spans="1:9" ht="261" x14ac:dyDescent="0.4">
      <c r="A157" s="6" t="s">
        <v>467</v>
      </c>
      <c r="B157" s="4" t="s">
        <v>468</v>
      </c>
      <c r="C157" s="4" t="s">
        <v>469</v>
      </c>
      <c r="D157" s="4" t="s">
        <v>12</v>
      </c>
      <c r="E157" s="4" t="s">
        <v>13</v>
      </c>
      <c r="F157" s="4" t="s">
        <v>12</v>
      </c>
      <c r="G157" s="4" t="s">
        <v>12</v>
      </c>
      <c r="H157" s="4" t="s">
        <v>13</v>
      </c>
      <c r="I157" s="4" t="s">
        <v>13</v>
      </c>
    </row>
    <row r="158" spans="1:9" ht="72.5" x14ac:dyDescent="0.4">
      <c r="A158" s="5" t="s">
        <v>470</v>
      </c>
      <c r="B158" s="3" t="s">
        <v>471</v>
      </c>
      <c r="C158" s="3" t="s">
        <v>472</v>
      </c>
      <c r="D158" s="3" t="s">
        <v>13</v>
      </c>
      <c r="E158" s="3" t="s">
        <v>13</v>
      </c>
      <c r="F158" s="3" t="s">
        <v>13</v>
      </c>
      <c r="G158" s="3" t="s">
        <v>13</v>
      </c>
      <c r="H158" s="3" t="s">
        <v>13</v>
      </c>
      <c r="I158" s="3" t="s">
        <v>12</v>
      </c>
    </row>
    <row r="159" spans="1:9" ht="159.5" x14ac:dyDescent="0.4">
      <c r="A159" s="6" t="s">
        <v>473</v>
      </c>
      <c r="B159" s="4" t="s">
        <v>474</v>
      </c>
      <c r="C159" s="4" t="s">
        <v>475</v>
      </c>
      <c r="D159" s="4" t="s">
        <v>13</v>
      </c>
      <c r="E159" s="4" t="s">
        <v>13</v>
      </c>
      <c r="F159" s="4" t="s">
        <v>12</v>
      </c>
      <c r="G159" s="4" t="s">
        <v>13</v>
      </c>
      <c r="H159" s="4" t="s">
        <v>13</v>
      </c>
      <c r="I159" s="4" t="s">
        <v>13</v>
      </c>
    </row>
    <row r="160" spans="1:9" ht="116" x14ac:dyDescent="0.4">
      <c r="A160" s="5" t="s">
        <v>476</v>
      </c>
      <c r="B160" s="3" t="s">
        <v>477</v>
      </c>
      <c r="C160" s="3" t="s">
        <v>478</v>
      </c>
      <c r="D160" s="3" t="s">
        <v>12</v>
      </c>
      <c r="E160" s="3" t="s">
        <v>12</v>
      </c>
      <c r="F160" s="3" t="s">
        <v>13</v>
      </c>
      <c r="G160" s="3" t="s">
        <v>13</v>
      </c>
      <c r="H160" s="3" t="s">
        <v>13</v>
      </c>
      <c r="I160" s="3" t="s">
        <v>13</v>
      </c>
    </row>
    <row r="161" spans="1:9" ht="188.5" x14ac:dyDescent="0.4">
      <c r="A161" s="6" t="s">
        <v>479</v>
      </c>
      <c r="B161" s="4" t="s">
        <v>480</v>
      </c>
      <c r="C161" s="4" t="s">
        <v>481</v>
      </c>
      <c r="D161" s="4" t="s">
        <v>12</v>
      </c>
      <c r="E161" s="4" t="s">
        <v>13</v>
      </c>
      <c r="F161" s="4" t="s">
        <v>13</v>
      </c>
      <c r="G161" s="4" t="s">
        <v>13</v>
      </c>
      <c r="H161" s="4" t="s">
        <v>13</v>
      </c>
      <c r="I161" s="4" t="s">
        <v>13</v>
      </c>
    </row>
    <row r="162" spans="1:9" ht="116" x14ac:dyDescent="0.4">
      <c r="A162" s="5" t="s">
        <v>482</v>
      </c>
      <c r="B162" s="3" t="s">
        <v>483</v>
      </c>
      <c r="C162" s="3"/>
      <c r="D162" s="3" t="s">
        <v>13</v>
      </c>
      <c r="E162" s="3" t="s">
        <v>12</v>
      </c>
      <c r="F162" s="3" t="s">
        <v>13</v>
      </c>
      <c r="G162" s="3" t="s">
        <v>13</v>
      </c>
      <c r="H162" s="3" t="s">
        <v>13</v>
      </c>
      <c r="I162" s="3" t="s">
        <v>13</v>
      </c>
    </row>
    <row r="163" spans="1:9" ht="203" x14ac:dyDescent="0.4">
      <c r="A163" s="6" t="s">
        <v>484</v>
      </c>
      <c r="B163" s="4" t="s">
        <v>485</v>
      </c>
      <c r="C163" s="4" t="s">
        <v>486</v>
      </c>
      <c r="D163" s="4" t="s">
        <v>12</v>
      </c>
      <c r="E163" s="4" t="s">
        <v>12</v>
      </c>
      <c r="F163" s="4" t="s">
        <v>13</v>
      </c>
      <c r="G163" s="4" t="s">
        <v>13</v>
      </c>
      <c r="H163" s="4" t="s">
        <v>13</v>
      </c>
      <c r="I163" s="4" t="s">
        <v>13</v>
      </c>
    </row>
    <row r="164" spans="1:9" ht="409.5" x14ac:dyDescent="0.4">
      <c r="A164" s="5" t="s">
        <v>487</v>
      </c>
      <c r="B164" s="3" t="s">
        <v>488</v>
      </c>
      <c r="C164" s="3" t="s">
        <v>489</v>
      </c>
      <c r="D164" s="3" t="s">
        <v>12</v>
      </c>
      <c r="E164" s="3" t="s">
        <v>12</v>
      </c>
      <c r="F164" s="3" t="s">
        <v>13</v>
      </c>
      <c r="G164" s="3" t="s">
        <v>13</v>
      </c>
      <c r="H164" s="3" t="s">
        <v>13</v>
      </c>
      <c r="I164" s="3" t="s">
        <v>13</v>
      </c>
    </row>
    <row r="165" spans="1:9" ht="188.5" x14ac:dyDescent="0.4">
      <c r="A165" s="6" t="s">
        <v>490</v>
      </c>
      <c r="B165" s="4" t="s">
        <v>491</v>
      </c>
      <c r="C165" s="4" t="s">
        <v>492</v>
      </c>
      <c r="D165" s="4" t="s">
        <v>12</v>
      </c>
      <c r="E165" s="4" t="s">
        <v>13</v>
      </c>
      <c r="F165" s="4" t="s">
        <v>13</v>
      </c>
      <c r="G165" s="4" t="s">
        <v>13</v>
      </c>
      <c r="H165" s="4" t="s">
        <v>13</v>
      </c>
      <c r="I165" s="4" t="s">
        <v>13</v>
      </c>
    </row>
    <row r="166" spans="1:9" ht="362.5" x14ac:dyDescent="0.4">
      <c r="A166" s="5" t="s">
        <v>493</v>
      </c>
      <c r="B166" s="3" t="s">
        <v>494</v>
      </c>
      <c r="C166" s="3" t="s">
        <v>495</v>
      </c>
      <c r="D166" s="3" t="s">
        <v>12</v>
      </c>
      <c r="E166" s="3" t="s">
        <v>13</v>
      </c>
      <c r="F166" s="3" t="s">
        <v>13</v>
      </c>
      <c r="G166" s="3" t="s">
        <v>13</v>
      </c>
      <c r="H166" s="3" t="s">
        <v>13</v>
      </c>
      <c r="I166" s="3" t="s">
        <v>13</v>
      </c>
    </row>
    <row r="167" spans="1:9" ht="409.5" x14ac:dyDescent="0.4">
      <c r="A167" s="6" t="s">
        <v>496</v>
      </c>
      <c r="B167" s="4" t="s">
        <v>497</v>
      </c>
      <c r="C167" s="4" t="s">
        <v>498</v>
      </c>
      <c r="D167" s="4" t="s">
        <v>12</v>
      </c>
      <c r="E167" s="4" t="s">
        <v>12</v>
      </c>
      <c r="F167" s="4" t="s">
        <v>12</v>
      </c>
      <c r="G167" s="4" t="s">
        <v>12</v>
      </c>
      <c r="H167" s="4" t="s">
        <v>13</v>
      </c>
      <c r="I167" s="4" t="s">
        <v>13</v>
      </c>
    </row>
    <row r="168" spans="1:9" ht="409.5" x14ac:dyDescent="0.4">
      <c r="A168" s="5" t="s">
        <v>499</v>
      </c>
      <c r="B168" s="3" t="s">
        <v>500</v>
      </c>
      <c r="C168" s="3" t="s">
        <v>501</v>
      </c>
      <c r="D168" s="3" t="s">
        <v>12</v>
      </c>
      <c r="E168" s="3" t="s">
        <v>12</v>
      </c>
      <c r="F168" s="3" t="s">
        <v>13</v>
      </c>
      <c r="G168" s="3" t="s">
        <v>12</v>
      </c>
      <c r="H168" s="3" t="s">
        <v>13</v>
      </c>
      <c r="I168" s="3" t="s">
        <v>13</v>
      </c>
    </row>
    <row r="169" spans="1:9" ht="246.5" x14ac:dyDescent="0.4">
      <c r="A169" s="6" t="s">
        <v>502</v>
      </c>
      <c r="B169" s="4" t="s">
        <v>503</v>
      </c>
      <c r="C169" s="4" t="s">
        <v>504</v>
      </c>
      <c r="D169" s="4" t="s">
        <v>12</v>
      </c>
      <c r="E169" s="4" t="s">
        <v>12</v>
      </c>
      <c r="F169" s="4" t="s">
        <v>12</v>
      </c>
      <c r="G169" s="4" t="s">
        <v>13</v>
      </c>
      <c r="H169" s="4" t="s">
        <v>13</v>
      </c>
      <c r="I169" s="4" t="s">
        <v>13</v>
      </c>
    </row>
    <row r="170" spans="1:9" ht="145" x14ac:dyDescent="0.4">
      <c r="A170" s="5" t="s">
        <v>505</v>
      </c>
      <c r="B170" s="3" t="s">
        <v>506</v>
      </c>
      <c r="C170" s="3" t="s">
        <v>507</v>
      </c>
      <c r="D170" s="3" t="s">
        <v>13</v>
      </c>
      <c r="E170" s="3" t="s">
        <v>12</v>
      </c>
      <c r="F170" s="3" t="s">
        <v>13</v>
      </c>
      <c r="G170" s="3" t="s">
        <v>13</v>
      </c>
      <c r="H170" s="3" t="s">
        <v>13</v>
      </c>
      <c r="I170" s="3" t="s">
        <v>13</v>
      </c>
    </row>
    <row r="171" spans="1:9" ht="159.5" x14ac:dyDescent="0.4">
      <c r="A171" s="6" t="s">
        <v>508</v>
      </c>
      <c r="B171" s="4" t="s">
        <v>509</v>
      </c>
      <c r="C171" s="4" t="s">
        <v>510</v>
      </c>
      <c r="D171" s="4" t="s">
        <v>12</v>
      </c>
      <c r="E171" s="4" t="s">
        <v>13</v>
      </c>
      <c r="F171" s="4" t="s">
        <v>13</v>
      </c>
      <c r="G171" s="4" t="s">
        <v>13</v>
      </c>
      <c r="H171" s="4" t="s">
        <v>13</v>
      </c>
      <c r="I171" s="4" t="s">
        <v>12</v>
      </c>
    </row>
    <row r="172" spans="1:9" ht="72.5" x14ac:dyDescent="0.4">
      <c r="A172" s="5" t="s">
        <v>511</v>
      </c>
      <c r="B172" s="3" t="s">
        <v>512</v>
      </c>
      <c r="C172" s="3" t="s">
        <v>513</v>
      </c>
      <c r="D172" s="3" t="s">
        <v>12</v>
      </c>
      <c r="E172" s="3" t="s">
        <v>12</v>
      </c>
      <c r="F172" s="3" t="s">
        <v>12</v>
      </c>
      <c r="G172" s="3" t="s">
        <v>13</v>
      </c>
      <c r="H172" s="3" t="s">
        <v>13</v>
      </c>
      <c r="I172" s="3" t="s">
        <v>13</v>
      </c>
    </row>
    <row r="173" spans="1:9" ht="409.5" x14ac:dyDescent="0.4">
      <c r="A173" s="6" t="s">
        <v>514</v>
      </c>
      <c r="B173" s="4" t="s">
        <v>515</v>
      </c>
      <c r="C173" s="4" t="s">
        <v>516</v>
      </c>
      <c r="D173" s="4" t="s">
        <v>12</v>
      </c>
      <c r="E173" s="4" t="s">
        <v>12</v>
      </c>
      <c r="F173" s="4" t="s">
        <v>13</v>
      </c>
      <c r="G173" s="4" t="s">
        <v>13</v>
      </c>
      <c r="H173" s="4" t="s">
        <v>13</v>
      </c>
      <c r="I173" s="4" t="s">
        <v>12</v>
      </c>
    </row>
    <row r="174" spans="1:9" ht="145" x14ac:dyDescent="0.4">
      <c r="A174" s="5" t="s">
        <v>517</v>
      </c>
      <c r="B174" s="3" t="s">
        <v>518</v>
      </c>
      <c r="C174" s="3" t="s">
        <v>519</v>
      </c>
      <c r="D174" s="3" t="s">
        <v>12</v>
      </c>
      <c r="E174" s="3" t="s">
        <v>13</v>
      </c>
      <c r="F174" s="3" t="s">
        <v>13</v>
      </c>
      <c r="G174" s="3" t="s">
        <v>13</v>
      </c>
      <c r="H174" s="3" t="s">
        <v>12</v>
      </c>
      <c r="I174" s="3" t="s">
        <v>13</v>
      </c>
    </row>
    <row r="175" spans="1:9" ht="145" x14ac:dyDescent="0.4">
      <c r="A175" s="6" t="s">
        <v>520</v>
      </c>
      <c r="B175" s="4" t="s">
        <v>521</v>
      </c>
      <c r="C175" s="4" t="s">
        <v>522</v>
      </c>
      <c r="D175" s="4" t="s">
        <v>13</v>
      </c>
      <c r="E175" s="4" t="s">
        <v>13</v>
      </c>
      <c r="F175" s="4" t="s">
        <v>13</v>
      </c>
      <c r="G175" s="4" t="s">
        <v>13</v>
      </c>
      <c r="H175" s="4" t="s">
        <v>13</v>
      </c>
      <c r="I175" s="4" t="s">
        <v>12</v>
      </c>
    </row>
    <row r="176" spans="1:9" ht="409.5" x14ac:dyDescent="0.4">
      <c r="A176" s="5" t="s">
        <v>523</v>
      </c>
      <c r="B176" s="3" t="s">
        <v>524</v>
      </c>
      <c r="C176" s="3" t="s">
        <v>525</v>
      </c>
      <c r="D176" s="3" t="s">
        <v>12</v>
      </c>
      <c r="E176" s="3" t="s">
        <v>13</v>
      </c>
      <c r="F176" s="3" t="s">
        <v>12</v>
      </c>
      <c r="G176" s="3" t="s">
        <v>13</v>
      </c>
      <c r="H176" s="3" t="s">
        <v>13</v>
      </c>
      <c r="I176" s="3" t="s">
        <v>13</v>
      </c>
    </row>
    <row r="177" spans="1:9" ht="232" x14ac:dyDescent="0.4">
      <c r="A177" s="6" t="s">
        <v>526</v>
      </c>
      <c r="B177" s="4" t="s">
        <v>527</v>
      </c>
      <c r="C177" s="4" t="s">
        <v>528</v>
      </c>
      <c r="D177" s="4" t="s">
        <v>12</v>
      </c>
      <c r="E177" s="4" t="s">
        <v>13</v>
      </c>
      <c r="F177" s="4" t="s">
        <v>13</v>
      </c>
      <c r="G177" s="4" t="s">
        <v>13</v>
      </c>
      <c r="H177" s="4" t="s">
        <v>12</v>
      </c>
      <c r="I177" s="4" t="s">
        <v>13</v>
      </c>
    </row>
    <row r="178" spans="1:9" ht="217.5" x14ac:dyDescent="0.4">
      <c r="A178" s="5" t="s">
        <v>529</v>
      </c>
      <c r="B178" s="3" t="s">
        <v>530</v>
      </c>
      <c r="C178" s="3" t="s">
        <v>531</v>
      </c>
      <c r="D178" s="3" t="s">
        <v>12</v>
      </c>
      <c r="E178" s="3" t="s">
        <v>13</v>
      </c>
      <c r="F178" s="3" t="s">
        <v>13</v>
      </c>
      <c r="G178" s="3" t="s">
        <v>13</v>
      </c>
      <c r="H178" s="3" t="s">
        <v>13</v>
      </c>
      <c r="I178" s="3" t="s">
        <v>13</v>
      </c>
    </row>
    <row r="179" spans="1:9" ht="116" x14ac:dyDescent="0.4">
      <c r="A179" s="6" t="s">
        <v>532</v>
      </c>
      <c r="B179" s="4" t="s">
        <v>533</v>
      </c>
      <c r="C179" s="4" t="s">
        <v>534</v>
      </c>
      <c r="D179" s="4" t="s">
        <v>12</v>
      </c>
      <c r="E179" s="4" t="s">
        <v>12</v>
      </c>
      <c r="F179" s="4" t="s">
        <v>12</v>
      </c>
      <c r="G179" s="4" t="s">
        <v>12</v>
      </c>
      <c r="H179" s="4" t="s">
        <v>12</v>
      </c>
      <c r="I179" s="4" t="s">
        <v>13</v>
      </c>
    </row>
    <row r="180" spans="1:9" ht="409.5" x14ac:dyDescent="0.4">
      <c r="A180" s="5" t="s">
        <v>535</v>
      </c>
      <c r="B180" s="3" t="s">
        <v>536</v>
      </c>
      <c r="C180" s="3" t="s">
        <v>537</v>
      </c>
      <c r="D180" s="3" t="s">
        <v>12</v>
      </c>
      <c r="E180" s="3" t="s">
        <v>13</v>
      </c>
      <c r="F180" s="3" t="s">
        <v>13</v>
      </c>
      <c r="G180" s="3" t="s">
        <v>12</v>
      </c>
      <c r="H180" s="3" t="s">
        <v>13</v>
      </c>
      <c r="I180" s="3" t="s">
        <v>13</v>
      </c>
    </row>
    <row r="181" spans="1:9" ht="362.5" x14ac:dyDescent="0.4">
      <c r="A181" s="6" t="s">
        <v>538</v>
      </c>
      <c r="B181" s="4" t="s">
        <v>539</v>
      </c>
      <c r="C181" s="4" t="s">
        <v>540</v>
      </c>
      <c r="D181" s="4" t="s">
        <v>12</v>
      </c>
      <c r="E181" s="4" t="s">
        <v>13</v>
      </c>
      <c r="F181" s="4" t="s">
        <v>12</v>
      </c>
      <c r="G181" s="4" t="s">
        <v>13</v>
      </c>
      <c r="H181" s="4" t="s">
        <v>13</v>
      </c>
      <c r="I181" s="4" t="s">
        <v>13</v>
      </c>
    </row>
    <row r="182" spans="1:9" ht="409.5" x14ac:dyDescent="0.4">
      <c r="A182" s="5" t="s">
        <v>541</v>
      </c>
      <c r="B182" s="3" t="s">
        <v>542</v>
      </c>
      <c r="C182" s="3" t="s">
        <v>543</v>
      </c>
      <c r="D182" s="3" t="s">
        <v>12</v>
      </c>
      <c r="E182" s="3" t="s">
        <v>13</v>
      </c>
      <c r="F182" s="3" t="s">
        <v>13</v>
      </c>
      <c r="G182" s="3" t="s">
        <v>13</v>
      </c>
      <c r="H182" s="3" t="s">
        <v>13</v>
      </c>
      <c r="I182" s="3" t="s">
        <v>13</v>
      </c>
    </row>
    <row r="183" spans="1:9" ht="275.5" x14ac:dyDescent="0.4">
      <c r="A183" s="6" t="s">
        <v>544</v>
      </c>
      <c r="B183" s="4" t="s">
        <v>545</v>
      </c>
      <c r="C183" s="4" t="s">
        <v>546</v>
      </c>
      <c r="D183" s="4" t="s">
        <v>12</v>
      </c>
      <c r="E183" s="4" t="s">
        <v>13</v>
      </c>
      <c r="F183" s="4" t="s">
        <v>13</v>
      </c>
      <c r="G183" s="4" t="s">
        <v>13</v>
      </c>
      <c r="H183" s="4" t="s">
        <v>13</v>
      </c>
      <c r="I183" s="4" t="s">
        <v>13</v>
      </c>
    </row>
    <row r="184" spans="1:9" ht="409.5" x14ac:dyDescent="0.4">
      <c r="A184" s="5" t="s">
        <v>547</v>
      </c>
      <c r="B184" s="3" t="s">
        <v>548</v>
      </c>
      <c r="C184" s="3" t="s">
        <v>549</v>
      </c>
      <c r="D184" s="3" t="s">
        <v>13</v>
      </c>
      <c r="E184" s="3" t="s">
        <v>13</v>
      </c>
      <c r="F184" s="3" t="s">
        <v>13</v>
      </c>
      <c r="G184" s="3" t="s">
        <v>13</v>
      </c>
      <c r="H184" s="3" t="s">
        <v>12</v>
      </c>
      <c r="I184" s="3" t="s">
        <v>13</v>
      </c>
    </row>
    <row r="185" spans="1:9" ht="409.5" x14ac:dyDescent="0.4">
      <c r="A185" s="6" t="s">
        <v>550</v>
      </c>
      <c r="B185" s="4" t="s">
        <v>551</v>
      </c>
      <c r="C185" s="4" t="s">
        <v>552</v>
      </c>
      <c r="D185" s="4" t="s">
        <v>13</v>
      </c>
      <c r="E185" s="4" t="s">
        <v>13</v>
      </c>
      <c r="F185" s="4" t="s">
        <v>13</v>
      </c>
      <c r="G185" s="4" t="s">
        <v>12</v>
      </c>
      <c r="H185" s="4" t="s">
        <v>13</v>
      </c>
      <c r="I185" s="4" t="s">
        <v>13</v>
      </c>
    </row>
    <row r="186" spans="1:9" ht="409.5" x14ac:dyDescent="0.4">
      <c r="A186" s="5" t="s">
        <v>553</v>
      </c>
      <c r="B186" s="3" t="s">
        <v>554</v>
      </c>
      <c r="C186" s="3" t="s">
        <v>555</v>
      </c>
      <c r="D186" s="3" t="s">
        <v>13</v>
      </c>
      <c r="E186" s="3" t="s">
        <v>13</v>
      </c>
      <c r="F186" s="3" t="s">
        <v>12</v>
      </c>
      <c r="G186" s="3" t="s">
        <v>13</v>
      </c>
      <c r="H186" s="3" t="s">
        <v>13</v>
      </c>
      <c r="I186" s="3" t="s">
        <v>13</v>
      </c>
    </row>
    <row r="187" spans="1:9" ht="409.5" x14ac:dyDescent="0.4">
      <c r="A187" s="6" t="s">
        <v>556</v>
      </c>
      <c r="B187" s="4" t="s">
        <v>557</v>
      </c>
      <c r="C187" s="4" t="s">
        <v>558</v>
      </c>
      <c r="D187" s="4" t="s">
        <v>13</v>
      </c>
      <c r="E187" s="4" t="s">
        <v>12</v>
      </c>
      <c r="F187" s="4" t="s">
        <v>13</v>
      </c>
      <c r="G187" s="4" t="s">
        <v>12</v>
      </c>
      <c r="H187" s="4" t="s">
        <v>13</v>
      </c>
      <c r="I187" s="4" t="s">
        <v>13</v>
      </c>
    </row>
    <row r="188" spans="1:9" ht="145" x14ac:dyDescent="0.4">
      <c r="A188" s="5" t="s">
        <v>559</v>
      </c>
      <c r="B188" s="3" t="s">
        <v>560</v>
      </c>
      <c r="C188" s="3" t="s">
        <v>561</v>
      </c>
      <c r="D188" s="3" t="s">
        <v>12</v>
      </c>
      <c r="E188" s="3" t="s">
        <v>13</v>
      </c>
      <c r="F188" s="3" t="s">
        <v>13</v>
      </c>
      <c r="G188" s="3" t="s">
        <v>13</v>
      </c>
      <c r="H188" s="3" t="s">
        <v>13</v>
      </c>
      <c r="I188" s="3" t="s">
        <v>13</v>
      </c>
    </row>
    <row r="189" spans="1:9" ht="188.5" x14ac:dyDescent="0.4">
      <c r="A189" s="6" t="s">
        <v>562</v>
      </c>
      <c r="B189" s="4" t="s">
        <v>563</v>
      </c>
      <c r="C189" s="4" t="s">
        <v>564</v>
      </c>
      <c r="D189" s="4" t="s">
        <v>12</v>
      </c>
      <c r="E189" s="4" t="s">
        <v>12</v>
      </c>
      <c r="F189" s="4" t="s">
        <v>13</v>
      </c>
      <c r="G189" s="4" t="s">
        <v>12</v>
      </c>
      <c r="H189" s="4" t="s">
        <v>13</v>
      </c>
      <c r="I189" s="4" t="s">
        <v>13</v>
      </c>
    </row>
    <row r="190" spans="1:9" ht="246.5" x14ac:dyDescent="0.4">
      <c r="A190" s="5" t="s">
        <v>565</v>
      </c>
      <c r="B190" s="3" t="s">
        <v>566</v>
      </c>
      <c r="C190" s="3" t="s">
        <v>567</v>
      </c>
      <c r="D190" s="3" t="s">
        <v>12</v>
      </c>
      <c r="E190" s="3" t="s">
        <v>12</v>
      </c>
      <c r="F190" s="3" t="s">
        <v>12</v>
      </c>
      <c r="G190" s="3" t="s">
        <v>12</v>
      </c>
      <c r="H190" s="3" t="s">
        <v>12</v>
      </c>
      <c r="I190" s="3" t="s">
        <v>13</v>
      </c>
    </row>
    <row r="191" spans="1:9" ht="174" x14ac:dyDescent="0.4">
      <c r="A191" s="6" t="s">
        <v>568</v>
      </c>
      <c r="B191" s="4" t="s">
        <v>569</v>
      </c>
      <c r="C191" s="4" t="s">
        <v>570</v>
      </c>
      <c r="D191" s="4" t="s">
        <v>12</v>
      </c>
      <c r="E191" s="4" t="s">
        <v>13</v>
      </c>
      <c r="F191" s="4" t="s">
        <v>13</v>
      </c>
      <c r="G191" s="4" t="s">
        <v>13</v>
      </c>
      <c r="H191" s="4" t="s">
        <v>12</v>
      </c>
      <c r="I191" s="4" t="s">
        <v>13</v>
      </c>
    </row>
    <row r="192" spans="1:9" ht="406" x14ac:dyDescent="0.4">
      <c r="A192" s="5" t="s">
        <v>571</v>
      </c>
      <c r="B192" s="3" t="s">
        <v>572</v>
      </c>
      <c r="C192" s="3" t="s">
        <v>573</v>
      </c>
      <c r="D192" s="3" t="s">
        <v>12</v>
      </c>
      <c r="E192" s="3" t="s">
        <v>13</v>
      </c>
      <c r="F192" s="3" t="s">
        <v>13</v>
      </c>
      <c r="G192" s="3" t="s">
        <v>12</v>
      </c>
      <c r="H192" s="3" t="s">
        <v>13</v>
      </c>
      <c r="I192" s="3" t="s">
        <v>13</v>
      </c>
    </row>
    <row r="193" spans="1:9" ht="261" x14ac:dyDescent="0.4">
      <c r="A193" s="6" t="s">
        <v>574</v>
      </c>
      <c r="B193" s="4" t="s">
        <v>575</v>
      </c>
      <c r="C193" s="4" t="s">
        <v>576</v>
      </c>
      <c r="D193" s="4" t="s">
        <v>12</v>
      </c>
      <c r="E193" s="4" t="s">
        <v>13</v>
      </c>
      <c r="F193" s="4" t="s">
        <v>13</v>
      </c>
      <c r="G193" s="4" t="s">
        <v>12</v>
      </c>
      <c r="H193" s="4" t="s">
        <v>13</v>
      </c>
      <c r="I193" s="4" t="s">
        <v>13</v>
      </c>
    </row>
    <row r="194" spans="1:9" ht="409.5" x14ac:dyDescent="0.4">
      <c r="A194" s="5" t="s">
        <v>577</v>
      </c>
      <c r="B194" s="3" t="s">
        <v>578</v>
      </c>
      <c r="C194" s="3" t="s">
        <v>579</v>
      </c>
      <c r="D194" s="3" t="s">
        <v>12</v>
      </c>
      <c r="E194" s="3" t="s">
        <v>12</v>
      </c>
      <c r="F194" s="3" t="s">
        <v>13</v>
      </c>
      <c r="G194" s="3" t="s">
        <v>13</v>
      </c>
      <c r="H194" s="3" t="s">
        <v>13</v>
      </c>
      <c r="I194" s="3" t="s">
        <v>13</v>
      </c>
    </row>
    <row r="195" spans="1:9" ht="188.5" x14ac:dyDescent="0.4">
      <c r="A195" s="6" t="s">
        <v>580</v>
      </c>
      <c r="B195" s="4" t="s">
        <v>581</v>
      </c>
      <c r="C195" s="4" t="s">
        <v>582</v>
      </c>
      <c r="D195" s="4" t="s">
        <v>12</v>
      </c>
      <c r="E195" s="4" t="s">
        <v>12</v>
      </c>
      <c r="F195" s="4" t="s">
        <v>13</v>
      </c>
      <c r="G195" s="4" t="s">
        <v>13</v>
      </c>
      <c r="H195" s="4" t="s">
        <v>13</v>
      </c>
      <c r="I195" s="4" t="s">
        <v>13</v>
      </c>
    </row>
    <row r="196" spans="1:9" ht="409.5" x14ac:dyDescent="0.4">
      <c r="A196" s="5" t="s">
        <v>583</v>
      </c>
      <c r="B196" s="3" t="s">
        <v>584</v>
      </c>
      <c r="C196" s="3" t="s">
        <v>585</v>
      </c>
      <c r="D196" s="3" t="s">
        <v>13</v>
      </c>
      <c r="E196" s="3" t="s">
        <v>13</v>
      </c>
      <c r="F196" s="3" t="s">
        <v>13</v>
      </c>
      <c r="G196" s="3" t="s">
        <v>13</v>
      </c>
      <c r="H196" s="3" t="s">
        <v>12</v>
      </c>
      <c r="I196" s="3" t="s">
        <v>13</v>
      </c>
    </row>
    <row r="197" spans="1:9" ht="174" x14ac:dyDescent="0.4">
      <c r="A197" s="6" t="s">
        <v>586</v>
      </c>
      <c r="B197" s="4" t="s">
        <v>587</v>
      </c>
      <c r="C197" s="4" t="s">
        <v>588</v>
      </c>
      <c r="D197" s="4" t="s">
        <v>13</v>
      </c>
      <c r="E197" s="4" t="s">
        <v>13</v>
      </c>
      <c r="F197" s="4" t="s">
        <v>13</v>
      </c>
      <c r="G197" s="4" t="s">
        <v>12</v>
      </c>
      <c r="H197" s="4" t="s">
        <v>13</v>
      </c>
      <c r="I197" s="4" t="s">
        <v>13</v>
      </c>
    </row>
    <row r="198" spans="1:9" ht="290" x14ac:dyDescent="0.4">
      <c r="A198" s="5" t="s">
        <v>589</v>
      </c>
      <c r="B198" s="3" t="s">
        <v>590</v>
      </c>
      <c r="C198" s="3" t="s">
        <v>591</v>
      </c>
      <c r="D198" s="3" t="s">
        <v>12</v>
      </c>
      <c r="E198" s="3" t="s">
        <v>12</v>
      </c>
      <c r="F198" s="3" t="s">
        <v>13</v>
      </c>
      <c r="G198" s="3" t="s">
        <v>13</v>
      </c>
      <c r="H198" s="3" t="s">
        <v>12</v>
      </c>
      <c r="I198" s="3" t="s">
        <v>13</v>
      </c>
    </row>
    <row r="199" spans="1:9" ht="116" x14ac:dyDescent="0.4">
      <c r="A199" s="6" t="s">
        <v>592</v>
      </c>
      <c r="B199" s="4" t="s">
        <v>593</v>
      </c>
      <c r="C199" s="4" t="s">
        <v>594</v>
      </c>
      <c r="D199" s="4" t="s">
        <v>12</v>
      </c>
      <c r="E199" s="4" t="s">
        <v>13</v>
      </c>
      <c r="F199" s="4" t="s">
        <v>13</v>
      </c>
      <c r="G199" s="4" t="s">
        <v>13</v>
      </c>
      <c r="H199" s="4" t="s">
        <v>12</v>
      </c>
      <c r="I199" s="4" t="s">
        <v>13</v>
      </c>
    </row>
    <row r="200" spans="1:9" ht="319" x14ac:dyDescent="0.4">
      <c r="A200" s="5" t="s">
        <v>595</v>
      </c>
      <c r="B200" s="3" t="s">
        <v>596</v>
      </c>
      <c r="C200" s="3" t="s">
        <v>597</v>
      </c>
      <c r="D200" s="3" t="s">
        <v>12</v>
      </c>
      <c r="E200" s="3" t="s">
        <v>12</v>
      </c>
      <c r="F200" s="3" t="s">
        <v>13</v>
      </c>
      <c r="G200" s="3" t="s">
        <v>13</v>
      </c>
      <c r="H200" s="3" t="s">
        <v>12</v>
      </c>
      <c r="I200" s="3" t="s">
        <v>13</v>
      </c>
    </row>
    <row r="201" spans="1:9" ht="217.5" x14ac:dyDescent="0.4">
      <c r="A201" s="6" t="s">
        <v>598</v>
      </c>
      <c r="B201" s="4" t="s">
        <v>599</v>
      </c>
      <c r="C201" s="4" t="s">
        <v>600</v>
      </c>
      <c r="D201" s="4" t="s">
        <v>13</v>
      </c>
      <c r="E201" s="4" t="s">
        <v>12</v>
      </c>
      <c r="F201" s="4" t="s">
        <v>13</v>
      </c>
      <c r="G201" s="4" t="s">
        <v>13</v>
      </c>
      <c r="H201" s="4" t="s">
        <v>12</v>
      </c>
      <c r="I201" s="4" t="s">
        <v>13</v>
      </c>
    </row>
    <row r="202" spans="1:9" ht="145" x14ac:dyDescent="0.4">
      <c r="A202" s="5" t="s">
        <v>601</v>
      </c>
      <c r="B202" s="3" t="s">
        <v>602</v>
      </c>
      <c r="C202" s="3" t="s">
        <v>603</v>
      </c>
      <c r="D202" s="3" t="s">
        <v>13</v>
      </c>
      <c r="E202" s="3" t="s">
        <v>12</v>
      </c>
      <c r="F202" s="3" t="s">
        <v>13</v>
      </c>
      <c r="G202" s="3" t="s">
        <v>13</v>
      </c>
      <c r="H202" s="3" t="s">
        <v>13</v>
      </c>
      <c r="I202" s="3" t="s">
        <v>13</v>
      </c>
    </row>
    <row r="203" spans="1:9" ht="188.5" x14ac:dyDescent="0.4">
      <c r="A203" s="6" t="s">
        <v>604</v>
      </c>
      <c r="B203" s="4" t="s">
        <v>605</v>
      </c>
      <c r="C203" s="4"/>
      <c r="D203" s="4" t="s">
        <v>12</v>
      </c>
      <c r="E203" s="4" t="s">
        <v>12</v>
      </c>
      <c r="F203" s="4" t="s">
        <v>12</v>
      </c>
      <c r="G203" s="4" t="s">
        <v>12</v>
      </c>
      <c r="H203" s="4" t="s">
        <v>12</v>
      </c>
      <c r="I203" s="4" t="s">
        <v>13</v>
      </c>
    </row>
    <row r="204" spans="1:9" ht="409.5" x14ac:dyDescent="0.4">
      <c r="A204" s="5" t="s">
        <v>606</v>
      </c>
      <c r="B204" s="3" t="s">
        <v>607</v>
      </c>
      <c r="C204" s="3" t="s">
        <v>608</v>
      </c>
      <c r="D204" s="3" t="s">
        <v>12</v>
      </c>
      <c r="E204" s="3" t="s">
        <v>12</v>
      </c>
      <c r="F204" s="3" t="s">
        <v>13</v>
      </c>
      <c r="G204" s="3" t="s">
        <v>13</v>
      </c>
      <c r="H204" s="3" t="s">
        <v>12</v>
      </c>
      <c r="I204" s="3" t="s">
        <v>13</v>
      </c>
    </row>
    <row r="205" spans="1:9" ht="391.5" x14ac:dyDescent="0.4">
      <c r="A205" s="6" t="s">
        <v>609</v>
      </c>
      <c r="B205" s="4" t="s">
        <v>610</v>
      </c>
      <c r="C205" s="4" t="s">
        <v>611</v>
      </c>
      <c r="D205" s="4" t="s">
        <v>13</v>
      </c>
      <c r="E205" s="4" t="s">
        <v>12</v>
      </c>
      <c r="F205" s="4" t="s">
        <v>12</v>
      </c>
      <c r="G205" s="4" t="s">
        <v>13</v>
      </c>
      <c r="H205" s="4" t="s">
        <v>12</v>
      </c>
      <c r="I205" s="4" t="s">
        <v>13</v>
      </c>
    </row>
    <row r="206" spans="1:9" ht="203" x14ac:dyDescent="0.4">
      <c r="A206" s="5" t="s">
        <v>612</v>
      </c>
      <c r="B206" s="3" t="s">
        <v>613</v>
      </c>
      <c r="C206" s="3" t="s">
        <v>614</v>
      </c>
      <c r="D206" s="3" t="s">
        <v>12</v>
      </c>
      <c r="E206" s="3" t="s">
        <v>12</v>
      </c>
      <c r="F206" s="3" t="s">
        <v>12</v>
      </c>
      <c r="G206" s="3" t="s">
        <v>13</v>
      </c>
      <c r="H206" s="3" t="s">
        <v>13</v>
      </c>
      <c r="I206" s="3" t="s">
        <v>13</v>
      </c>
    </row>
    <row r="207" spans="1:9" ht="409.5" x14ac:dyDescent="0.4">
      <c r="A207" s="6" t="s">
        <v>615</v>
      </c>
      <c r="B207" s="4" t="s">
        <v>616</v>
      </c>
      <c r="C207" s="4" t="s">
        <v>617</v>
      </c>
      <c r="D207" s="4" t="s">
        <v>13</v>
      </c>
      <c r="E207" s="4" t="s">
        <v>13</v>
      </c>
      <c r="F207" s="4" t="s">
        <v>12</v>
      </c>
      <c r="G207" s="4" t="s">
        <v>13</v>
      </c>
      <c r="H207" s="4" t="s">
        <v>12</v>
      </c>
      <c r="I207" s="4" t="s">
        <v>13</v>
      </c>
    </row>
    <row r="208" spans="1:9" ht="130.5" x14ac:dyDescent="0.4">
      <c r="A208" s="5" t="s">
        <v>618</v>
      </c>
      <c r="B208" s="3" t="s">
        <v>619</v>
      </c>
      <c r="C208" s="3" t="s">
        <v>620</v>
      </c>
      <c r="D208" s="3" t="s">
        <v>12</v>
      </c>
      <c r="E208" s="3" t="s">
        <v>12</v>
      </c>
      <c r="F208" s="3" t="s">
        <v>13</v>
      </c>
      <c r="G208" s="3" t="s">
        <v>12</v>
      </c>
      <c r="H208" s="3" t="s">
        <v>13</v>
      </c>
      <c r="I208" s="3" t="s">
        <v>13</v>
      </c>
    </row>
    <row r="209" spans="1:9" ht="203" x14ac:dyDescent="0.4">
      <c r="A209" s="6" t="s">
        <v>621</v>
      </c>
      <c r="B209" s="4" t="s">
        <v>622</v>
      </c>
      <c r="C209" s="4" t="s">
        <v>623</v>
      </c>
      <c r="D209" s="4" t="s">
        <v>12</v>
      </c>
      <c r="E209" s="4" t="s">
        <v>12</v>
      </c>
      <c r="F209" s="4" t="s">
        <v>12</v>
      </c>
      <c r="G209" s="4" t="s">
        <v>12</v>
      </c>
      <c r="H209" s="4" t="s">
        <v>12</v>
      </c>
      <c r="I209" s="4" t="s">
        <v>12</v>
      </c>
    </row>
    <row r="210" spans="1:9" ht="116" x14ac:dyDescent="0.4">
      <c r="A210" s="5" t="s">
        <v>624</v>
      </c>
      <c r="B210" s="3" t="s">
        <v>625</v>
      </c>
      <c r="C210" s="3" t="s">
        <v>626</v>
      </c>
      <c r="D210" s="3" t="s">
        <v>12</v>
      </c>
      <c r="E210" s="3" t="s">
        <v>12</v>
      </c>
      <c r="F210" s="3" t="s">
        <v>13</v>
      </c>
      <c r="G210" s="3" t="s">
        <v>12</v>
      </c>
      <c r="H210" s="3" t="s">
        <v>13</v>
      </c>
      <c r="I210" s="3" t="s">
        <v>13</v>
      </c>
    </row>
    <row r="211" spans="1:9" ht="246.5" x14ac:dyDescent="0.4">
      <c r="A211" s="6" t="s">
        <v>627</v>
      </c>
      <c r="B211" s="4" t="s">
        <v>628</v>
      </c>
      <c r="C211" s="4" t="s">
        <v>629</v>
      </c>
      <c r="D211" s="4" t="s">
        <v>12</v>
      </c>
      <c r="E211" s="4" t="s">
        <v>13</v>
      </c>
      <c r="F211" s="4" t="s">
        <v>13</v>
      </c>
      <c r="G211" s="4" t="s">
        <v>13</v>
      </c>
      <c r="H211" s="4" t="s">
        <v>12</v>
      </c>
      <c r="I211" s="4" t="s">
        <v>13</v>
      </c>
    </row>
    <row r="212" spans="1:9" ht="319" x14ac:dyDescent="0.4">
      <c r="A212" s="5" t="s">
        <v>630</v>
      </c>
      <c r="B212" s="3" t="s">
        <v>631</v>
      </c>
      <c r="C212" s="3" t="s">
        <v>632</v>
      </c>
      <c r="D212" s="3" t="s">
        <v>12</v>
      </c>
      <c r="E212" s="3" t="s">
        <v>12</v>
      </c>
      <c r="F212" s="3" t="s">
        <v>12</v>
      </c>
      <c r="G212" s="3" t="s">
        <v>12</v>
      </c>
      <c r="H212" s="3" t="s">
        <v>12</v>
      </c>
      <c r="I212" s="3" t="s">
        <v>13</v>
      </c>
    </row>
    <row r="213" spans="1:9" ht="261" x14ac:dyDescent="0.4">
      <c r="A213" s="6" t="s">
        <v>633</v>
      </c>
      <c r="B213" s="4" t="s">
        <v>634</v>
      </c>
      <c r="C213" s="4" t="s">
        <v>635</v>
      </c>
      <c r="D213" s="4" t="s">
        <v>12</v>
      </c>
      <c r="E213" s="4" t="s">
        <v>12</v>
      </c>
      <c r="F213" s="4" t="s">
        <v>13</v>
      </c>
      <c r="G213" s="4" t="s">
        <v>12</v>
      </c>
      <c r="H213" s="4" t="s">
        <v>13</v>
      </c>
      <c r="I213" s="4" t="s">
        <v>13</v>
      </c>
    </row>
    <row r="214" spans="1:9" ht="145" x14ac:dyDescent="0.4">
      <c r="A214" s="5" t="s">
        <v>636</v>
      </c>
      <c r="B214" s="3" t="s">
        <v>637</v>
      </c>
      <c r="C214" s="3" t="s">
        <v>638</v>
      </c>
      <c r="D214" s="3" t="s">
        <v>12</v>
      </c>
      <c r="E214" s="3" t="s">
        <v>13</v>
      </c>
      <c r="F214" s="3" t="s">
        <v>13</v>
      </c>
      <c r="G214" s="3" t="s">
        <v>12</v>
      </c>
      <c r="H214" s="3" t="s">
        <v>13</v>
      </c>
      <c r="I214" s="3" t="s">
        <v>13</v>
      </c>
    </row>
    <row r="215" spans="1:9" ht="145" x14ac:dyDescent="0.4">
      <c r="A215" s="6" t="s">
        <v>639</v>
      </c>
      <c r="B215" s="4" t="s">
        <v>640</v>
      </c>
      <c r="C215" s="4" t="s">
        <v>641</v>
      </c>
      <c r="D215" s="4" t="s">
        <v>12</v>
      </c>
      <c r="E215" s="4" t="s">
        <v>12</v>
      </c>
      <c r="F215" s="4" t="s">
        <v>12</v>
      </c>
      <c r="G215" s="4" t="s">
        <v>12</v>
      </c>
      <c r="H215" s="4" t="s">
        <v>12</v>
      </c>
      <c r="I215" s="4" t="s">
        <v>13</v>
      </c>
    </row>
    <row r="216" spans="1:9" ht="203" x14ac:dyDescent="0.4">
      <c r="A216" s="5" t="s">
        <v>642</v>
      </c>
      <c r="B216" s="3" t="s">
        <v>643</v>
      </c>
      <c r="C216" s="3" t="s">
        <v>644</v>
      </c>
      <c r="D216" s="3" t="s">
        <v>12</v>
      </c>
      <c r="E216" s="3" t="s">
        <v>13</v>
      </c>
      <c r="F216" s="3" t="s">
        <v>13</v>
      </c>
      <c r="G216" s="3" t="s">
        <v>13</v>
      </c>
      <c r="H216" s="3" t="s">
        <v>13</v>
      </c>
      <c r="I216" s="3" t="s">
        <v>13</v>
      </c>
    </row>
    <row r="217" spans="1:9" ht="409.5" x14ac:dyDescent="0.4">
      <c r="A217" s="6" t="s">
        <v>645</v>
      </c>
      <c r="B217" s="4" t="s">
        <v>646</v>
      </c>
      <c r="C217" s="4" t="s">
        <v>647</v>
      </c>
      <c r="D217" s="4" t="s">
        <v>12</v>
      </c>
      <c r="E217" s="4" t="s">
        <v>12</v>
      </c>
      <c r="F217" s="4" t="s">
        <v>13</v>
      </c>
      <c r="G217" s="4" t="s">
        <v>13</v>
      </c>
      <c r="H217" s="4" t="s">
        <v>13</v>
      </c>
      <c r="I217" s="4" t="s">
        <v>13</v>
      </c>
    </row>
    <row r="218" spans="1:9" ht="409.5" x14ac:dyDescent="0.4">
      <c r="A218" s="5" t="s">
        <v>648</v>
      </c>
      <c r="B218" s="3" t="s">
        <v>649</v>
      </c>
      <c r="C218" s="3" t="s">
        <v>650</v>
      </c>
      <c r="D218" s="3" t="s">
        <v>12</v>
      </c>
      <c r="E218" s="3" t="s">
        <v>12</v>
      </c>
      <c r="F218" s="3" t="s">
        <v>12</v>
      </c>
      <c r="G218" s="3" t="s">
        <v>13</v>
      </c>
      <c r="H218" s="3" t="s">
        <v>13</v>
      </c>
      <c r="I218" s="3" t="s">
        <v>13</v>
      </c>
    </row>
    <row r="219" spans="1:9" ht="159.5" x14ac:dyDescent="0.4">
      <c r="A219" s="6" t="s">
        <v>651</v>
      </c>
      <c r="B219" s="4" t="s">
        <v>652</v>
      </c>
      <c r="C219" s="4" t="s">
        <v>653</v>
      </c>
      <c r="D219" s="4" t="s">
        <v>12</v>
      </c>
      <c r="E219" s="4" t="s">
        <v>12</v>
      </c>
      <c r="F219" s="4" t="s">
        <v>13</v>
      </c>
      <c r="G219" s="4" t="s">
        <v>13</v>
      </c>
      <c r="H219" s="4" t="s">
        <v>12</v>
      </c>
      <c r="I219" s="4" t="s">
        <v>13</v>
      </c>
    </row>
    <row r="220" spans="1:9" ht="72.5" x14ac:dyDescent="0.4">
      <c r="A220" s="5" t="s">
        <v>654</v>
      </c>
      <c r="B220" s="3" t="s">
        <v>655</v>
      </c>
      <c r="C220" s="3" t="s">
        <v>656</v>
      </c>
      <c r="D220" s="3" t="s">
        <v>12</v>
      </c>
      <c r="E220" s="3" t="s">
        <v>13</v>
      </c>
      <c r="F220" s="3" t="s">
        <v>13</v>
      </c>
      <c r="G220" s="3" t="s">
        <v>12</v>
      </c>
      <c r="H220" s="3" t="s">
        <v>13</v>
      </c>
      <c r="I220" s="3" t="s">
        <v>13</v>
      </c>
    </row>
    <row r="221" spans="1:9" ht="188.5" x14ac:dyDescent="0.4">
      <c r="A221" s="6" t="s">
        <v>657</v>
      </c>
      <c r="B221" s="4" t="s">
        <v>658</v>
      </c>
      <c r="C221" s="4" t="s">
        <v>659</v>
      </c>
      <c r="D221" s="4" t="s">
        <v>12</v>
      </c>
      <c r="E221" s="4" t="s">
        <v>13</v>
      </c>
      <c r="F221" s="4" t="s">
        <v>12</v>
      </c>
      <c r="G221" s="4" t="s">
        <v>13</v>
      </c>
      <c r="H221" s="4" t="s">
        <v>13</v>
      </c>
      <c r="I221" s="4" t="s">
        <v>13</v>
      </c>
    </row>
    <row r="222" spans="1:9" ht="348" x14ac:dyDescent="0.4">
      <c r="A222" s="5" t="s">
        <v>660</v>
      </c>
      <c r="B222" s="3" t="s">
        <v>661</v>
      </c>
      <c r="C222" s="3" t="s">
        <v>662</v>
      </c>
      <c r="D222" s="3" t="s">
        <v>12</v>
      </c>
      <c r="E222" s="3" t="s">
        <v>13</v>
      </c>
      <c r="F222" s="3" t="s">
        <v>12</v>
      </c>
      <c r="G222" s="3" t="s">
        <v>13</v>
      </c>
      <c r="H222" s="3" t="s">
        <v>12</v>
      </c>
      <c r="I222" s="3" t="s">
        <v>13</v>
      </c>
    </row>
    <row r="223" spans="1:9" ht="304.5" x14ac:dyDescent="0.4">
      <c r="A223" s="6" t="s">
        <v>663</v>
      </c>
      <c r="B223" s="4" t="s">
        <v>664</v>
      </c>
      <c r="C223" s="4" t="s">
        <v>665</v>
      </c>
      <c r="D223" s="4" t="s">
        <v>12</v>
      </c>
      <c r="E223" s="4" t="s">
        <v>12</v>
      </c>
      <c r="F223" s="4" t="s">
        <v>13</v>
      </c>
      <c r="G223" s="4" t="s">
        <v>13</v>
      </c>
      <c r="H223" s="4" t="s">
        <v>13</v>
      </c>
      <c r="I223" s="4" t="s">
        <v>13</v>
      </c>
    </row>
    <row r="224" spans="1:9" ht="409.5" x14ac:dyDescent="0.4">
      <c r="A224" s="5" t="s">
        <v>666</v>
      </c>
      <c r="B224" s="3" t="s">
        <v>667</v>
      </c>
      <c r="C224" s="3" t="s">
        <v>668</v>
      </c>
      <c r="D224" s="3" t="s">
        <v>12</v>
      </c>
      <c r="E224" s="3" t="s">
        <v>13</v>
      </c>
      <c r="F224" s="3" t="s">
        <v>13</v>
      </c>
      <c r="G224" s="3" t="s">
        <v>13</v>
      </c>
      <c r="H224" s="3" t="s">
        <v>13</v>
      </c>
      <c r="I224" s="3" t="s">
        <v>13</v>
      </c>
    </row>
    <row r="225" spans="1:9" ht="275.5" x14ac:dyDescent="0.4">
      <c r="A225" s="6" t="s">
        <v>669</v>
      </c>
      <c r="B225" s="4" t="s">
        <v>670</v>
      </c>
      <c r="C225" s="4" t="s">
        <v>671</v>
      </c>
      <c r="D225" s="4" t="s">
        <v>12</v>
      </c>
      <c r="E225" s="4" t="s">
        <v>13</v>
      </c>
      <c r="F225" s="4" t="s">
        <v>13</v>
      </c>
      <c r="G225" s="4" t="s">
        <v>13</v>
      </c>
      <c r="H225" s="4" t="s">
        <v>13</v>
      </c>
      <c r="I225" s="4" t="s">
        <v>13</v>
      </c>
    </row>
    <row r="226" spans="1:9" ht="116" x14ac:dyDescent="0.4">
      <c r="A226" s="5" t="s">
        <v>672</v>
      </c>
      <c r="B226" s="3" t="s">
        <v>673</v>
      </c>
      <c r="C226" s="3" t="s">
        <v>674</v>
      </c>
      <c r="D226" s="3" t="s">
        <v>12</v>
      </c>
      <c r="E226" s="3" t="s">
        <v>13</v>
      </c>
      <c r="F226" s="3" t="s">
        <v>13</v>
      </c>
      <c r="G226" s="3" t="s">
        <v>13</v>
      </c>
      <c r="H226" s="3" t="s">
        <v>13</v>
      </c>
      <c r="I226" s="3" t="s">
        <v>13</v>
      </c>
    </row>
    <row r="227" spans="1:9" ht="409.5" x14ac:dyDescent="0.4">
      <c r="A227" s="6" t="s">
        <v>675</v>
      </c>
      <c r="B227" s="4" t="s">
        <v>676</v>
      </c>
      <c r="C227" s="4" t="s">
        <v>677</v>
      </c>
      <c r="D227" s="4" t="s">
        <v>12</v>
      </c>
      <c r="E227" s="4" t="s">
        <v>12</v>
      </c>
      <c r="F227" s="4" t="s">
        <v>13</v>
      </c>
      <c r="G227" s="4" t="s">
        <v>13</v>
      </c>
      <c r="H227" s="4" t="s">
        <v>13</v>
      </c>
      <c r="I227" s="4" t="s">
        <v>13</v>
      </c>
    </row>
    <row r="228" spans="1:9" ht="246.5" x14ac:dyDescent="0.4">
      <c r="A228" s="5" t="s">
        <v>678</v>
      </c>
      <c r="B228" s="3" t="s">
        <v>679</v>
      </c>
      <c r="C228" s="3" t="s">
        <v>680</v>
      </c>
      <c r="D228" s="3" t="s">
        <v>12</v>
      </c>
      <c r="E228" s="3" t="s">
        <v>13</v>
      </c>
      <c r="F228" s="3" t="s">
        <v>13</v>
      </c>
      <c r="G228" s="3" t="s">
        <v>13</v>
      </c>
      <c r="H228" s="3" t="s">
        <v>12</v>
      </c>
      <c r="I228" s="3" t="s">
        <v>13</v>
      </c>
    </row>
    <row r="229" spans="1:9" ht="409.5" x14ac:dyDescent="0.4">
      <c r="A229" s="6" t="s">
        <v>681</v>
      </c>
      <c r="B229" s="4" t="s">
        <v>682</v>
      </c>
      <c r="C229" s="4" t="s">
        <v>683</v>
      </c>
      <c r="D229" s="4" t="s">
        <v>12</v>
      </c>
      <c r="E229" s="4" t="s">
        <v>12</v>
      </c>
      <c r="F229" s="4" t="s">
        <v>13</v>
      </c>
      <c r="G229" s="4" t="s">
        <v>13</v>
      </c>
      <c r="H229" s="4" t="s">
        <v>13</v>
      </c>
      <c r="I229" s="4" t="s">
        <v>13</v>
      </c>
    </row>
    <row r="230" spans="1:9" ht="377" x14ac:dyDescent="0.4">
      <c r="A230" s="5" t="s">
        <v>684</v>
      </c>
      <c r="B230" s="3" t="s">
        <v>685</v>
      </c>
      <c r="C230" s="3" t="s">
        <v>686</v>
      </c>
      <c r="D230" s="3" t="s">
        <v>13</v>
      </c>
      <c r="E230" s="3" t="s">
        <v>12</v>
      </c>
      <c r="F230" s="3" t="s">
        <v>12</v>
      </c>
      <c r="G230" s="3" t="s">
        <v>13</v>
      </c>
      <c r="H230" s="3" t="s">
        <v>13</v>
      </c>
      <c r="I230" s="3" t="s">
        <v>12</v>
      </c>
    </row>
    <row r="231" spans="1:9" ht="409.5" x14ac:dyDescent="0.4">
      <c r="A231" s="6" t="s">
        <v>687</v>
      </c>
      <c r="B231" s="4" t="s">
        <v>688</v>
      </c>
      <c r="C231" s="4" t="s">
        <v>689</v>
      </c>
      <c r="D231" s="4" t="s">
        <v>12</v>
      </c>
      <c r="E231" s="4" t="s">
        <v>12</v>
      </c>
      <c r="F231" s="4" t="s">
        <v>12</v>
      </c>
      <c r="G231" s="4" t="s">
        <v>13</v>
      </c>
      <c r="H231" s="4" t="s">
        <v>13</v>
      </c>
      <c r="I231" s="4" t="s">
        <v>13</v>
      </c>
    </row>
    <row r="232" spans="1:9" ht="409.5" x14ac:dyDescent="0.4">
      <c r="A232" s="5" t="s">
        <v>690</v>
      </c>
      <c r="B232" s="3" t="s">
        <v>691</v>
      </c>
      <c r="C232" s="3" t="s">
        <v>692</v>
      </c>
      <c r="D232" s="3" t="s">
        <v>12</v>
      </c>
      <c r="E232" s="3" t="s">
        <v>12</v>
      </c>
      <c r="F232" s="3" t="s">
        <v>13</v>
      </c>
      <c r="G232" s="3" t="s">
        <v>12</v>
      </c>
      <c r="H232" s="3" t="s">
        <v>13</v>
      </c>
      <c r="I232" s="3" t="s">
        <v>13</v>
      </c>
    </row>
    <row r="233" spans="1:9" ht="409.5" x14ac:dyDescent="0.4">
      <c r="A233" s="6" t="s">
        <v>693</v>
      </c>
      <c r="B233" s="4" t="s">
        <v>694</v>
      </c>
      <c r="C233" s="4" t="s">
        <v>695</v>
      </c>
      <c r="D233" s="4" t="s">
        <v>12</v>
      </c>
      <c r="E233" s="4" t="s">
        <v>13</v>
      </c>
      <c r="F233" s="4" t="s">
        <v>13</v>
      </c>
      <c r="G233" s="4" t="s">
        <v>13</v>
      </c>
      <c r="H233" s="4" t="s">
        <v>13</v>
      </c>
      <c r="I233" s="4" t="s">
        <v>13</v>
      </c>
    </row>
    <row r="234" spans="1:9" ht="116" x14ac:dyDescent="0.4">
      <c r="A234" s="5" t="s">
        <v>696</v>
      </c>
      <c r="B234" s="3" t="s">
        <v>697</v>
      </c>
      <c r="C234" s="3" t="s">
        <v>698</v>
      </c>
      <c r="D234" s="3" t="s">
        <v>12</v>
      </c>
      <c r="E234" s="3" t="s">
        <v>12</v>
      </c>
      <c r="F234" s="3" t="s">
        <v>13</v>
      </c>
      <c r="G234" s="3" t="s">
        <v>13</v>
      </c>
      <c r="H234" s="3" t="s">
        <v>13</v>
      </c>
      <c r="I234" s="3" t="s">
        <v>13</v>
      </c>
    </row>
    <row r="235" spans="1:9" ht="362.5" x14ac:dyDescent="0.4">
      <c r="A235" s="6" t="s">
        <v>699</v>
      </c>
      <c r="B235" s="4" t="s">
        <v>700</v>
      </c>
      <c r="C235" s="4" t="s">
        <v>701</v>
      </c>
      <c r="D235" s="4" t="s">
        <v>12</v>
      </c>
      <c r="E235" s="4" t="s">
        <v>12</v>
      </c>
      <c r="F235" s="4" t="s">
        <v>12</v>
      </c>
      <c r="G235" s="4" t="s">
        <v>13</v>
      </c>
      <c r="H235" s="4" t="s">
        <v>13</v>
      </c>
      <c r="I235" s="4" t="s">
        <v>13</v>
      </c>
    </row>
    <row r="236" spans="1:9" ht="409.5" x14ac:dyDescent="0.4">
      <c r="A236" s="5" t="s">
        <v>702</v>
      </c>
      <c r="B236" s="3" t="s">
        <v>703</v>
      </c>
      <c r="C236" s="3" t="s">
        <v>704</v>
      </c>
      <c r="D236" s="3" t="s">
        <v>13</v>
      </c>
      <c r="E236" s="3" t="s">
        <v>12</v>
      </c>
      <c r="F236" s="3" t="s">
        <v>13</v>
      </c>
      <c r="G236" s="3" t="s">
        <v>13</v>
      </c>
      <c r="H236" s="3" t="s">
        <v>13</v>
      </c>
      <c r="I236" s="3" t="s">
        <v>13</v>
      </c>
    </row>
    <row r="237" spans="1:9" ht="409.5" x14ac:dyDescent="0.4">
      <c r="A237" s="6" t="s">
        <v>705</v>
      </c>
      <c r="B237" s="4" t="s">
        <v>706</v>
      </c>
      <c r="C237" s="4" t="s">
        <v>707</v>
      </c>
      <c r="D237" s="4" t="s">
        <v>12</v>
      </c>
      <c r="E237" s="4" t="s">
        <v>12</v>
      </c>
      <c r="F237" s="4" t="s">
        <v>12</v>
      </c>
      <c r="G237" s="4" t="s">
        <v>13</v>
      </c>
      <c r="H237" s="4" t="s">
        <v>13</v>
      </c>
      <c r="I237" s="4" t="s">
        <v>13</v>
      </c>
    </row>
    <row r="238" spans="1:9" ht="72.5" x14ac:dyDescent="0.4">
      <c r="A238" s="5" t="s">
        <v>708</v>
      </c>
      <c r="B238" s="3" t="s">
        <v>709</v>
      </c>
      <c r="C238" s="3" t="s">
        <v>710</v>
      </c>
      <c r="D238" s="3" t="s">
        <v>13</v>
      </c>
      <c r="E238" s="3" t="s">
        <v>13</v>
      </c>
      <c r="F238" s="3" t="s">
        <v>13</v>
      </c>
      <c r="G238" s="3" t="s">
        <v>12</v>
      </c>
      <c r="H238" s="3" t="s">
        <v>13</v>
      </c>
      <c r="I238" s="3" t="s">
        <v>13</v>
      </c>
    </row>
    <row r="239" spans="1:9" ht="145" x14ac:dyDescent="0.4">
      <c r="A239" s="6" t="s">
        <v>711</v>
      </c>
      <c r="B239" s="4" t="s">
        <v>712</v>
      </c>
      <c r="C239" s="4" t="s">
        <v>713</v>
      </c>
      <c r="D239" s="4" t="s">
        <v>12</v>
      </c>
      <c r="E239" s="4" t="s">
        <v>13</v>
      </c>
      <c r="F239" s="4" t="s">
        <v>12</v>
      </c>
      <c r="G239" s="4" t="s">
        <v>13</v>
      </c>
      <c r="H239" s="4" t="s">
        <v>13</v>
      </c>
      <c r="I239" s="4" t="s">
        <v>13</v>
      </c>
    </row>
    <row r="240" spans="1:9" ht="290" x14ac:dyDescent="0.4">
      <c r="A240" s="5" t="s">
        <v>714</v>
      </c>
      <c r="B240" s="3" t="s">
        <v>715</v>
      </c>
      <c r="C240" s="3" t="s">
        <v>716</v>
      </c>
      <c r="D240" s="3" t="s">
        <v>12</v>
      </c>
      <c r="E240" s="3" t="s">
        <v>13</v>
      </c>
      <c r="F240" s="3" t="s">
        <v>12</v>
      </c>
      <c r="G240" s="3" t="s">
        <v>13</v>
      </c>
      <c r="H240" s="3" t="s">
        <v>13</v>
      </c>
      <c r="I240" s="3" t="s">
        <v>13</v>
      </c>
    </row>
    <row r="241" spans="1:9" ht="159.5" x14ac:dyDescent="0.4">
      <c r="A241" s="6" t="s">
        <v>717</v>
      </c>
      <c r="B241" s="4" t="s">
        <v>718</v>
      </c>
      <c r="C241" s="4" t="s">
        <v>719</v>
      </c>
      <c r="D241" s="4" t="s">
        <v>12</v>
      </c>
      <c r="E241" s="4" t="s">
        <v>13</v>
      </c>
      <c r="F241" s="4" t="s">
        <v>13</v>
      </c>
      <c r="G241" s="4" t="s">
        <v>13</v>
      </c>
      <c r="H241" s="4" t="s">
        <v>13</v>
      </c>
      <c r="I241" s="4" t="s">
        <v>13</v>
      </c>
    </row>
    <row r="242" spans="1:9" ht="188.5" x14ac:dyDescent="0.4">
      <c r="A242" s="5" t="s">
        <v>720</v>
      </c>
      <c r="B242" s="3" t="s">
        <v>721</v>
      </c>
      <c r="C242" s="3" t="s">
        <v>722</v>
      </c>
      <c r="D242" s="3" t="s">
        <v>12</v>
      </c>
      <c r="E242" s="3" t="s">
        <v>12</v>
      </c>
      <c r="F242" s="3" t="s">
        <v>13</v>
      </c>
      <c r="G242" s="3" t="s">
        <v>13</v>
      </c>
      <c r="H242" s="3" t="s">
        <v>13</v>
      </c>
      <c r="I242" s="3" t="s">
        <v>13</v>
      </c>
    </row>
    <row r="243" spans="1:9" ht="409.5" x14ac:dyDescent="0.4">
      <c r="A243" s="6" t="s">
        <v>723</v>
      </c>
      <c r="B243" s="4" t="s">
        <v>724</v>
      </c>
      <c r="C243" s="4" t="s">
        <v>725</v>
      </c>
      <c r="D243" s="4" t="s">
        <v>13</v>
      </c>
      <c r="E243" s="4" t="s">
        <v>12</v>
      </c>
      <c r="F243" s="4" t="s">
        <v>13</v>
      </c>
      <c r="G243" s="4" t="s">
        <v>12</v>
      </c>
      <c r="H243" s="4" t="s">
        <v>13</v>
      </c>
      <c r="I243" s="4" t="s">
        <v>13</v>
      </c>
    </row>
    <row r="244" spans="1:9" ht="203" x14ac:dyDescent="0.4">
      <c r="A244" s="5" t="s">
        <v>726</v>
      </c>
      <c r="B244" s="3" t="s">
        <v>727</v>
      </c>
      <c r="C244" s="3" t="s">
        <v>728</v>
      </c>
      <c r="D244" s="3" t="s">
        <v>12</v>
      </c>
      <c r="E244" s="3" t="s">
        <v>13</v>
      </c>
      <c r="F244" s="3" t="s">
        <v>13</v>
      </c>
      <c r="G244" s="3" t="s">
        <v>13</v>
      </c>
      <c r="H244" s="3" t="s">
        <v>13</v>
      </c>
      <c r="I244" s="3" t="s">
        <v>13</v>
      </c>
    </row>
    <row r="245" spans="1:9" ht="275.5" x14ac:dyDescent="0.4">
      <c r="A245" s="6" t="s">
        <v>729</v>
      </c>
      <c r="B245" s="4" t="s">
        <v>730</v>
      </c>
      <c r="C245" s="4" t="s">
        <v>731</v>
      </c>
      <c r="D245" s="4" t="s">
        <v>12</v>
      </c>
      <c r="E245" s="4" t="s">
        <v>13</v>
      </c>
      <c r="F245" s="4" t="s">
        <v>12</v>
      </c>
      <c r="G245" s="4" t="s">
        <v>12</v>
      </c>
      <c r="H245" s="4" t="s">
        <v>13</v>
      </c>
      <c r="I245" s="4" t="s">
        <v>13</v>
      </c>
    </row>
    <row r="246" spans="1:9" ht="43.5" x14ac:dyDescent="0.4">
      <c r="A246" s="5" t="s">
        <v>732</v>
      </c>
      <c r="B246" s="3" t="s">
        <v>733</v>
      </c>
      <c r="C246" s="3" t="s">
        <v>734</v>
      </c>
      <c r="D246" s="3" t="s">
        <v>12</v>
      </c>
      <c r="E246" s="3" t="s">
        <v>13</v>
      </c>
      <c r="F246" s="3" t="s">
        <v>13</v>
      </c>
      <c r="G246" s="3" t="s">
        <v>13</v>
      </c>
      <c r="H246" s="3" t="s">
        <v>12</v>
      </c>
      <c r="I246" s="3" t="s">
        <v>13</v>
      </c>
    </row>
    <row r="247" spans="1:9" ht="159.5" x14ac:dyDescent="0.4">
      <c r="A247" s="6" t="s">
        <v>735</v>
      </c>
      <c r="B247" s="4" t="s">
        <v>736</v>
      </c>
      <c r="C247" s="4" t="s">
        <v>737</v>
      </c>
      <c r="D247" s="4" t="s">
        <v>12</v>
      </c>
      <c r="E247" s="4" t="s">
        <v>12</v>
      </c>
      <c r="F247" s="4" t="s">
        <v>13</v>
      </c>
      <c r="G247" s="4" t="s">
        <v>13</v>
      </c>
      <c r="H247" s="4" t="s">
        <v>12</v>
      </c>
      <c r="I247" s="4" t="s">
        <v>13</v>
      </c>
    </row>
    <row r="248" spans="1:9" ht="246.5" x14ac:dyDescent="0.4">
      <c r="A248" s="5" t="s">
        <v>738</v>
      </c>
      <c r="B248" s="3" t="s">
        <v>739</v>
      </c>
      <c r="C248" s="3" t="s">
        <v>740</v>
      </c>
      <c r="D248" s="3" t="s">
        <v>12</v>
      </c>
      <c r="E248" s="3" t="s">
        <v>13</v>
      </c>
      <c r="F248" s="3" t="s">
        <v>13</v>
      </c>
      <c r="G248" s="3" t="s">
        <v>13</v>
      </c>
      <c r="H248" s="3" t="s">
        <v>13</v>
      </c>
      <c r="I248" s="3" t="s">
        <v>13</v>
      </c>
    </row>
    <row r="249" spans="1:9" ht="409.5" x14ac:dyDescent="0.4">
      <c r="A249" s="6" t="s">
        <v>741</v>
      </c>
      <c r="B249" s="4" t="s">
        <v>742</v>
      </c>
      <c r="C249" s="4" t="s">
        <v>743</v>
      </c>
      <c r="D249" s="4" t="s">
        <v>12</v>
      </c>
      <c r="E249" s="4" t="s">
        <v>13</v>
      </c>
      <c r="F249" s="4" t="s">
        <v>12</v>
      </c>
      <c r="G249" s="4" t="s">
        <v>13</v>
      </c>
      <c r="H249" s="4" t="s">
        <v>13</v>
      </c>
      <c r="I249" s="4" t="s">
        <v>13</v>
      </c>
    </row>
    <row r="250" spans="1:9" ht="409.5" x14ac:dyDescent="0.4">
      <c r="A250" s="5" t="s">
        <v>744</v>
      </c>
      <c r="B250" s="3" t="s">
        <v>745</v>
      </c>
      <c r="C250" s="3" t="s">
        <v>746</v>
      </c>
      <c r="D250" s="3" t="s">
        <v>12</v>
      </c>
      <c r="E250" s="3" t="s">
        <v>12</v>
      </c>
      <c r="F250" s="3" t="s">
        <v>12</v>
      </c>
      <c r="G250" s="3" t="s">
        <v>13</v>
      </c>
      <c r="H250" s="3" t="s">
        <v>13</v>
      </c>
      <c r="I250" s="3" t="s">
        <v>13</v>
      </c>
    </row>
    <row r="251" spans="1:9" ht="72.5" x14ac:dyDescent="0.4">
      <c r="A251" s="6" t="s">
        <v>747</v>
      </c>
      <c r="B251" s="4" t="s">
        <v>748</v>
      </c>
      <c r="C251" s="4" t="s">
        <v>749</v>
      </c>
      <c r="D251" s="4" t="s">
        <v>12</v>
      </c>
      <c r="E251" s="4" t="s">
        <v>13</v>
      </c>
      <c r="F251" s="4" t="s">
        <v>13</v>
      </c>
      <c r="G251" s="4" t="s">
        <v>13</v>
      </c>
      <c r="H251" s="4" t="s">
        <v>13</v>
      </c>
      <c r="I251" s="4" t="s">
        <v>13</v>
      </c>
    </row>
    <row r="252" spans="1:9" ht="409.5" x14ac:dyDescent="0.4">
      <c r="A252" s="5" t="s">
        <v>750</v>
      </c>
      <c r="B252" s="3" t="s">
        <v>751</v>
      </c>
      <c r="C252" s="3" t="s">
        <v>752</v>
      </c>
      <c r="D252" s="3" t="s">
        <v>12</v>
      </c>
      <c r="E252" s="3" t="s">
        <v>13</v>
      </c>
      <c r="F252" s="3" t="s">
        <v>12</v>
      </c>
      <c r="G252" s="3" t="s">
        <v>13</v>
      </c>
      <c r="H252" s="3" t="s">
        <v>12</v>
      </c>
      <c r="I252" s="3" t="s">
        <v>13</v>
      </c>
    </row>
    <row r="253" spans="1:9" ht="409.5" x14ac:dyDescent="0.4">
      <c r="A253" s="6" t="s">
        <v>753</v>
      </c>
      <c r="B253" s="4" t="s">
        <v>754</v>
      </c>
      <c r="C253" s="4" t="s">
        <v>755</v>
      </c>
      <c r="D253" s="4" t="s">
        <v>12</v>
      </c>
      <c r="E253" s="4" t="s">
        <v>12</v>
      </c>
      <c r="F253" s="4" t="s">
        <v>13</v>
      </c>
      <c r="G253" s="4" t="s">
        <v>13</v>
      </c>
      <c r="H253" s="4" t="s">
        <v>13</v>
      </c>
      <c r="I253" s="4" t="s">
        <v>13</v>
      </c>
    </row>
    <row r="254" spans="1:9" ht="217.5" x14ac:dyDescent="0.4">
      <c r="A254" s="5" t="s">
        <v>756</v>
      </c>
      <c r="B254" s="3" t="s">
        <v>757</v>
      </c>
      <c r="C254" s="3"/>
      <c r="D254" s="3" t="s">
        <v>12</v>
      </c>
      <c r="E254" s="3" t="s">
        <v>13</v>
      </c>
      <c r="F254" s="3" t="s">
        <v>13</v>
      </c>
      <c r="G254" s="3" t="s">
        <v>13</v>
      </c>
      <c r="H254" s="3" t="s">
        <v>13</v>
      </c>
      <c r="I254" s="3" t="s">
        <v>13</v>
      </c>
    </row>
    <row r="255" spans="1:9" ht="246.5" x14ac:dyDescent="0.4">
      <c r="A255" s="6" t="s">
        <v>758</v>
      </c>
      <c r="B255" s="4" t="s">
        <v>759</v>
      </c>
      <c r="C255" s="4" t="s">
        <v>760</v>
      </c>
      <c r="D255" s="4" t="s">
        <v>12</v>
      </c>
      <c r="E255" s="4" t="s">
        <v>13</v>
      </c>
      <c r="F255" s="4" t="s">
        <v>12</v>
      </c>
      <c r="G255" s="4" t="s">
        <v>13</v>
      </c>
      <c r="H255" s="4" t="s">
        <v>13</v>
      </c>
      <c r="I255" s="4" t="s">
        <v>13</v>
      </c>
    </row>
    <row r="256" spans="1:9" ht="174" x14ac:dyDescent="0.4">
      <c r="A256" s="5" t="s">
        <v>761</v>
      </c>
      <c r="B256" s="3" t="s">
        <v>762</v>
      </c>
      <c r="C256" s="3" t="s">
        <v>763</v>
      </c>
      <c r="D256" s="3" t="s">
        <v>12</v>
      </c>
      <c r="E256" s="3" t="s">
        <v>13</v>
      </c>
      <c r="F256" s="3" t="s">
        <v>13</v>
      </c>
      <c r="G256" s="3" t="s">
        <v>13</v>
      </c>
      <c r="H256" s="3" t="s">
        <v>13</v>
      </c>
      <c r="I256" s="3" t="s">
        <v>13</v>
      </c>
    </row>
    <row r="257" spans="1:9" ht="409.5" x14ac:dyDescent="0.4">
      <c r="A257" s="6" t="s">
        <v>764</v>
      </c>
      <c r="B257" s="4" t="s">
        <v>765</v>
      </c>
      <c r="C257" s="4" t="s">
        <v>766</v>
      </c>
      <c r="D257" s="4" t="s">
        <v>13</v>
      </c>
      <c r="E257" s="4" t="s">
        <v>13</v>
      </c>
      <c r="F257" s="4" t="s">
        <v>13</v>
      </c>
      <c r="G257" s="4" t="s">
        <v>13</v>
      </c>
      <c r="H257" s="4" t="s">
        <v>13</v>
      </c>
      <c r="I257" s="4" t="s">
        <v>12</v>
      </c>
    </row>
    <row r="258" spans="1:9" ht="87" x14ac:dyDescent="0.4">
      <c r="A258" s="5" t="s">
        <v>767</v>
      </c>
      <c r="B258" s="3" t="s">
        <v>768</v>
      </c>
      <c r="C258" s="3"/>
      <c r="D258" s="3" t="s">
        <v>12</v>
      </c>
      <c r="E258" s="3" t="s">
        <v>12</v>
      </c>
      <c r="F258" s="3" t="s">
        <v>13</v>
      </c>
      <c r="G258" s="3" t="s">
        <v>13</v>
      </c>
      <c r="H258" s="3" t="s">
        <v>13</v>
      </c>
      <c r="I258" s="3" t="s">
        <v>13</v>
      </c>
    </row>
    <row r="259" spans="1:9" ht="130.5" x14ac:dyDescent="0.4">
      <c r="A259" s="6" t="s">
        <v>769</v>
      </c>
      <c r="B259" s="4" t="s">
        <v>770</v>
      </c>
      <c r="C259" s="4" t="s">
        <v>771</v>
      </c>
      <c r="D259" s="4" t="s">
        <v>12</v>
      </c>
      <c r="E259" s="4" t="s">
        <v>12</v>
      </c>
      <c r="F259" s="4" t="s">
        <v>12</v>
      </c>
      <c r="G259" s="4" t="s">
        <v>12</v>
      </c>
      <c r="H259" s="4" t="s">
        <v>13</v>
      </c>
      <c r="I259" s="4" t="s">
        <v>13</v>
      </c>
    </row>
    <row r="260" spans="1:9" ht="43.5" x14ac:dyDescent="0.4">
      <c r="A260" s="5" t="s">
        <v>772</v>
      </c>
      <c r="B260" s="3" t="s">
        <v>773</v>
      </c>
      <c r="C260" s="3"/>
      <c r="D260" s="3" t="s">
        <v>12</v>
      </c>
      <c r="E260" s="3" t="s">
        <v>12</v>
      </c>
      <c r="F260" s="3" t="s">
        <v>13</v>
      </c>
      <c r="G260" s="3" t="s">
        <v>12</v>
      </c>
      <c r="H260" s="3" t="s">
        <v>12</v>
      </c>
      <c r="I260" s="3" t="s">
        <v>13</v>
      </c>
    </row>
    <row r="261" spans="1:9" ht="174" x14ac:dyDescent="0.4">
      <c r="A261" s="6" t="s">
        <v>774</v>
      </c>
      <c r="B261" s="4" t="s">
        <v>775</v>
      </c>
      <c r="C261" s="4" t="s">
        <v>776</v>
      </c>
      <c r="D261" s="4" t="s">
        <v>12</v>
      </c>
      <c r="E261" s="4" t="s">
        <v>12</v>
      </c>
      <c r="F261" s="4" t="s">
        <v>12</v>
      </c>
      <c r="G261" s="4" t="s">
        <v>13</v>
      </c>
      <c r="H261" s="4" t="s">
        <v>12</v>
      </c>
      <c r="I261" s="4" t="s">
        <v>13</v>
      </c>
    </row>
    <row r="262" spans="1:9" ht="409.5" x14ac:dyDescent="0.4">
      <c r="A262" s="5" t="s">
        <v>777</v>
      </c>
      <c r="B262" s="3" t="s">
        <v>778</v>
      </c>
      <c r="C262" s="3" t="s">
        <v>779</v>
      </c>
      <c r="D262" s="3" t="s">
        <v>13</v>
      </c>
      <c r="E262" s="3" t="s">
        <v>12</v>
      </c>
      <c r="F262" s="3" t="s">
        <v>13</v>
      </c>
      <c r="G262" s="3" t="s">
        <v>13</v>
      </c>
      <c r="H262" s="3" t="s">
        <v>13</v>
      </c>
      <c r="I262" s="3" t="s">
        <v>13</v>
      </c>
    </row>
    <row r="263" spans="1:9" ht="409.5" x14ac:dyDescent="0.4">
      <c r="A263" s="6" t="s">
        <v>780</v>
      </c>
      <c r="B263" s="4" t="s">
        <v>781</v>
      </c>
      <c r="C263" s="4" t="s">
        <v>782</v>
      </c>
      <c r="D263" s="4" t="s">
        <v>13</v>
      </c>
      <c r="E263" s="4" t="s">
        <v>13</v>
      </c>
      <c r="F263" s="4" t="s">
        <v>13</v>
      </c>
      <c r="G263" s="4" t="s">
        <v>12</v>
      </c>
      <c r="H263" s="4" t="s">
        <v>13</v>
      </c>
      <c r="I263" s="4" t="s">
        <v>13</v>
      </c>
    </row>
    <row r="264" spans="1:9" ht="232" x14ac:dyDescent="0.4">
      <c r="A264" s="5" t="s">
        <v>783</v>
      </c>
      <c r="B264" s="3" t="s">
        <v>784</v>
      </c>
      <c r="C264" s="3" t="s">
        <v>785</v>
      </c>
      <c r="D264" s="3" t="s">
        <v>12</v>
      </c>
      <c r="E264" s="3" t="s">
        <v>12</v>
      </c>
      <c r="F264" s="3" t="s">
        <v>12</v>
      </c>
      <c r="G264" s="3" t="s">
        <v>12</v>
      </c>
      <c r="H264" s="3" t="s">
        <v>12</v>
      </c>
      <c r="I264" s="3" t="s">
        <v>13</v>
      </c>
    </row>
    <row r="265" spans="1:9" ht="409.5" x14ac:dyDescent="0.4">
      <c r="A265" s="6" t="s">
        <v>786</v>
      </c>
      <c r="B265" s="4" t="s">
        <v>787</v>
      </c>
      <c r="C265" s="4" t="s">
        <v>788</v>
      </c>
      <c r="D265" s="4" t="s">
        <v>13</v>
      </c>
      <c r="E265" s="4" t="s">
        <v>13</v>
      </c>
      <c r="F265" s="4" t="s">
        <v>13</v>
      </c>
      <c r="G265" s="4" t="s">
        <v>12</v>
      </c>
      <c r="H265" s="4" t="s">
        <v>13</v>
      </c>
      <c r="I265" s="4" t="s">
        <v>13</v>
      </c>
    </row>
    <row r="266" spans="1:9" ht="409.5" x14ac:dyDescent="0.4">
      <c r="A266" s="5" t="s">
        <v>789</v>
      </c>
      <c r="B266" s="3" t="s">
        <v>790</v>
      </c>
      <c r="C266" s="3" t="s">
        <v>791</v>
      </c>
      <c r="D266" s="3" t="s">
        <v>13</v>
      </c>
      <c r="E266" s="3" t="s">
        <v>13</v>
      </c>
      <c r="F266" s="3" t="s">
        <v>13</v>
      </c>
      <c r="G266" s="3" t="s">
        <v>12</v>
      </c>
      <c r="H266" s="3" t="s">
        <v>13</v>
      </c>
      <c r="I266" s="3" t="s">
        <v>13</v>
      </c>
    </row>
    <row r="267" spans="1:9" ht="217.5" x14ac:dyDescent="0.4">
      <c r="A267" s="6" t="s">
        <v>792</v>
      </c>
      <c r="B267" s="4" t="s">
        <v>793</v>
      </c>
      <c r="C267" s="4" t="s">
        <v>794</v>
      </c>
      <c r="D267" s="4" t="s">
        <v>12</v>
      </c>
      <c r="E267" s="4" t="s">
        <v>12</v>
      </c>
      <c r="F267" s="4" t="s">
        <v>13</v>
      </c>
      <c r="G267" s="4" t="s">
        <v>13</v>
      </c>
      <c r="H267" s="4" t="s">
        <v>12</v>
      </c>
      <c r="I267" s="4" t="s">
        <v>13</v>
      </c>
    </row>
    <row r="268" spans="1:9" ht="409.5" x14ac:dyDescent="0.4">
      <c r="A268" s="5" t="s">
        <v>795</v>
      </c>
      <c r="B268" s="3" t="s">
        <v>796</v>
      </c>
      <c r="C268" s="3" t="s">
        <v>797</v>
      </c>
      <c r="D268" s="3" t="s">
        <v>12</v>
      </c>
      <c r="E268" s="3" t="s">
        <v>12</v>
      </c>
      <c r="F268" s="3" t="s">
        <v>13</v>
      </c>
      <c r="G268" s="3" t="s">
        <v>13</v>
      </c>
      <c r="H268" s="3" t="s">
        <v>12</v>
      </c>
      <c r="I268" s="3" t="s">
        <v>13</v>
      </c>
    </row>
    <row r="269" spans="1:9" ht="246.5" x14ac:dyDescent="0.4">
      <c r="A269" s="6" t="s">
        <v>798</v>
      </c>
      <c r="B269" s="4" t="s">
        <v>799</v>
      </c>
      <c r="C269" s="4" t="s">
        <v>800</v>
      </c>
      <c r="D269" s="4" t="s">
        <v>13</v>
      </c>
      <c r="E269" s="4" t="s">
        <v>13</v>
      </c>
      <c r="F269" s="4" t="s">
        <v>13</v>
      </c>
      <c r="G269" s="4" t="s">
        <v>12</v>
      </c>
      <c r="H269" s="4" t="s">
        <v>13</v>
      </c>
      <c r="I269" s="4" t="s">
        <v>13</v>
      </c>
    </row>
    <row r="270" spans="1:9" ht="58" x14ac:dyDescent="0.4">
      <c r="A270" s="5" t="s">
        <v>801</v>
      </c>
      <c r="B270" s="3" t="s">
        <v>802</v>
      </c>
      <c r="C270" s="3" t="s">
        <v>803</v>
      </c>
      <c r="D270" s="3" t="s">
        <v>12</v>
      </c>
      <c r="E270" s="3" t="s">
        <v>12</v>
      </c>
      <c r="F270" s="3" t="s">
        <v>13</v>
      </c>
      <c r="G270" s="3" t="s">
        <v>12</v>
      </c>
      <c r="H270" s="3" t="s">
        <v>12</v>
      </c>
      <c r="I270" s="3" t="s">
        <v>13</v>
      </c>
    </row>
    <row r="271" spans="1:9" ht="58" x14ac:dyDescent="0.4">
      <c r="A271" s="6" t="s">
        <v>804</v>
      </c>
      <c r="B271" s="4" t="s">
        <v>805</v>
      </c>
      <c r="C271" s="4" t="s">
        <v>806</v>
      </c>
      <c r="D271" s="4" t="s">
        <v>13</v>
      </c>
      <c r="E271" s="4" t="s">
        <v>12</v>
      </c>
      <c r="F271" s="4" t="s">
        <v>13</v>
      </c>
      <c r="G271" s="4" t="s">
        <v>12</v>
      </c>
      <c r="H271" s="4" t="s">
        <v>13</v>
      </c>
      <c r="I271" s="4" t="s">
        <v>13</v>
      </c>
    </row>
    <row r="272" spans="1:9" ht="409.5" x14ac:dyDescent="0.4">
      <c r="A272" s="5" t="s">
        <v>807</v>
      </c>
      <c r="B272" s="3" t="s">
        <v>808</v>
      </c>
      <c r="C272" s="3" t="s">
        <v>809</v>
      </c>
      <c r="D272" s="3" t="s">
        <v>12</v>
      </c>
      <c r="E272" s="3" t="s">
        <v>12</v>
      </c>
      <c r="F272" s="3" t="s">
        <v>12</v>
      </c>
      <c r="G272" s="3" t="s">
        <v>13</v>
      </c>
      <c r="H272" s="3" t="s">
        <v>12</v>
      </c>
      <c r="I272" s="3" t="s">
        <v>13</v>
      </c>
    </row>
    <row r="273" spans="1:9" ht="188.5" x14ac:dyDescent="0.4">
      <c r="A273" s="6" t="s">
        <v>810</v>
      </c>
      <c r="B273" s="4" t="s">
        <v>811</v>
      </c>
      <c r="C273" s="4" t="s">
        <v>812</v>
      </c>
      <c r="D273" s="4" t="s">
        <v>13</v>
      </c>
      <c r="E273" s="4" t="s">
        <v>13</v>
      </c>
      <c r="F273" s="4" t="s">
        <v>13</v>
      </c>
      <c r="G273" s="4" t="s">
        <v>13</v>
      </c>
      <c r="H273" s="4" t="s">
        <v>12</v>
      </c>
      <c r="I273" s="4" t="s">
        <v>13</v>
      </c>
    </row>
    <row r="274" spans="1:9" ht="174" x14ac:dyDescent="0.4">
      <c r="A274" s="5" t="s">
        <v>813</v>
      </c>
      <c r="B274" s="3" t="s">
        <v>814</v>
      </c>
      <c r="C274" s="3" t="s">
        <v>815</v>
      </c>
      <c r="D274" s="3" t="s">
        <v>13</v>
      </c>
      <c r="E274" s="3" t="s">
        <v>12</v>
      </c>
      <c r="F274" s="3" t="s">
        <v>13</v>
      </c>
      <c r="G274" s="3" t="s">
        <v>13</v>
      </c>
      <c r="H274" s="3" t="s">
        <v>13</v>
      </c>
      <c r="I274" s="3" t="s">
        <v>13</v>
      </c>
    </row>
    <row r="275" spans="1:9" ht="409.5" x14ac:dyDescent="0.4">
      <c r="A275" s="6" t="s">
        <v>816</v>
      </c>
      <c r="B275" s="4" t="s">
        <v>817</v>
      </c>
      <c r="C275" s="4" t="s">
        <v>818</v>
      </c>
      <c r="D275" s="4" t="s">
        <v>12</v>
      </c>
      <c r="E275" s="4" t="s">
        <v>13</v>
      </c>
      <c r="F275" s="4" t="s">
        <v>13</v>
      </c>
      <c r="G275" s="4" t="s">
        <v>13</v>
      </c>
      <c r="H275" s="4" t="s">
        <v>13</v>
      </c>
      <c r="I275" s="4" t="s">
        <v>13</v>
      </c>
    </row>
    <row r="276" spans="1:9" ht="145" x14ac:dyDescent="0.4">
      <c r="A276" s="5" t="s">
        <v>819</v>
      </c>
      <c r="B276" s="3" t="s">
        <v>820</v>
      </c>
      <c r="C276" s="3" t="s">
        <v>821</v>
      </c>
      <c r="D276" s="3" t="s">
        <v>12</v>
      </c>
      <c r="E276" s="3" t="s">
        <v>12</v>
      </c>
      <c r="F276" s="3" t="s">
        <v>13</v>
      </c>
      <c r="G276" s="3" t="s">
        <v>13</v>
      </c>
      <c r="H276" s="3" t="s">
        <v>13</v>
      </c>
      <c r="I276" s="3" t="s">
        <v>13</v>
      </c>
    </row>
    <row r="277" spans="1:9" ht="159.5" x14ac:dyDescent="0.4">
      <c r="A277" s="6" t="s">
        <v>822</v>
      </c>
      <c r="B277" s="4" t="s">
        <v>823</v>
      </c>
      <c r="C277" s="4" t="s">
        <v>824</v>
      </c>
      <c r="D277" s="4" t="s">
        <v>12</v>
      </c>
      <c r="E277" s="4" t="s">
        <v>13</v>
      </c>
      <c r="F277" s="4" t="s">
        <v>13</v>
      </c>
      <c r="G277" s="4" t="s">
        <v>13</v>
      </c>
      <c r="H277" s="4" t="s">
        <v>13</v>
      </c>
      <c r="I277" s="4" t="s">
        <v>13</v>
      </c>
    </row>
    <row r="278" spans="1:9" ht="101.5" x14ac:dyDescent="0.4">
      <c r="A278" s="5" t="s">
        <v>825</v>
      </c>
      <c r="B278" s="3" t="s">
        <v>826</v>
      </c>
      <c r="C278" s="3" t="s">
        <v>827</v>
      </c>
      <c r="D278" s="3" t="s">
        <v>12</v>
      </c>
      <c r="E278" s="3" t="s">
        <v>12</v>
      </c>
      <c r="F278" s="3" t="s">
        <v>13</v>
      </c>
      <c r="G278" s="3" t="s">
        <v>13</v>
      </c>
      <c r="H278" s="3" t="s">
        <v>12</v>
      </c>
      <c r="I278" s="3" t="s">
        <v>13</v>
      </c>
    </row>
    <row r="279" spans="1:9" ht="246.5" x14ac:dyDescent="0.4">
      <c r="A279" s="6" t="s">
        <v>828</v>
      </c>
      <c r="B279" s="4" t="s">
        <v>829</v>
      </c>
      <c r="C279" s="4" t="s">
        <v>830</v>
      </c>
      <c r="D279" s="4" t="s">
        <v>13</v>
      </c>
      <c r="E279" s="4" t="s">
        <v>12</v>
      </c>
      <c r="F279" s="4" t="s">
        <v>13</v>
      </c>
      <c r="G279" s="4" t="s">
        <v>13</v>
      </c>
      <c r="H279" s="4" t="s">
        <v>13</v>
      </c>
      <c r="I279" s="4" t="s">
        <v>13</v>
      </c>
    </row>
    <row r="280" spans="1:9" ht="409.5" x14ac:dyDescent="0.4">
      <c r="A280" s="5" t="s">
        <v>831</v>
      </c>
      <c r="B280" s="3" t="s">
        <v>832</v>
      </c>
      <c r="C280" s="3" t="s">
        <v>833</v>
      </c>
      <c r="D280" s="3" t="s">
        <v>12</v>
      </c>
      <c r="E280" s="3" t="s">
        <v>13</v>
      </c>
      <c r="F280" s="3" t="s">
        <v>13</v>
      </c>
      <c r="G280" s="3" t="s">
        <v>13</v>
      </c>
      <c r="H280" s="3" t="s">
        <v>13</v>
      </c>
      <c r="I280" s="3" t="s">
        <v>13</v>
      </c>
    </row>
    <row r="281" spans="1:9" ht="409.5" x14ac:dyDescent="0.4">
      <c r="A281" s="6" t="s">
        <v>834</v>
      </c>
      <c r="B281" s="4" t="s">
        <v>835</v>
      </c>
      <c r="C281" s="4" t="s">
        <v>836</v>
      </c>
      <c r="D281" s="4" t="s">
        <v>13</v>
      </c>
      <c r="E281" s="4" t="s">
        <v>13</v>
      </c>
      <c r="F281" s="4" t="s">
        <v>13</v>
      </c>
      <c r="G281" s="4" t="s">
        <v>13</v>
      </c>
      <c r="H281" s="4" t="s">
        <v>12</v>
      </c>
      <c r="I281" s="4" t="s">
        <v>13</v>
      </c>
    </row>
    <row r="282" spans="1:9" ht="290" x14ac:dyDescent="0.4">
      <c r="A282" s="5" t="s">
        <v>837</v>
      </c>
      <c r="B282" s="3" t="s">
        <v>838</v>
      </c>
      <c r="C282" s="3" t="s">
        <v>839</v>
      </c>
      <c r="D282" s="3" t="s">
        <v>12</v>
      </c>
      <c r="E282" s="3" t="s">
        <v>12</v>
      </c>
      <c r="F282" s="3" t="s">
        <v>13</v>
      </c>
      <c r="G282" s="3" t="s">
        <v>13</v>
      </c>
      <c r="H282" s="3" t="s">
        <v>13</v>
      </c>
      <c r="I282" s="3" t="s">
        <v>13</v>
      </c>
    </row>
    <row r="283" spans="1:9" ht="409.5" x14ac:dyDescent="0.4">
      <c r="A283" s="6" t="s">
        <v>840</v>
      </c>
      <c r="B283" s="4" t="s">
        <v>841</v>
      </c>
      <c r="C283" s="4" t="s">
        <v>842</v>
      </c>
      <c r="D283" s="4" t="s">
        <v>12</v>
      </c>
      <c r="E283" s="4" t="s">
        <v>12</v>
      </c>
      <c r="F283" s="4" t="s">
        <v>13</v>
      </c>
      <c r="G283" s="4" t="s">
        <v>13</v>
      </c>
      <c r="H283" s="4" t="s">
        <v>13</v>
      </c>
      <c r="I283" s="4" t="s">
        <v>13</v>
      </c>
    </row>
    <row r="284" spans="1:9" ht="174" x14ac:dyDescent="0.4">
      <c r="A284" s="5" t="s">
        <v>843</v>
      </c>
      <c r="B284" s="3" t="s">
        <v>844</v>
      </c>
      <c r="C284" s="3" t="s">
        <v>845</v>
      </c>
      <c r="D284" s="3" t="s">
        <v>12</v>
      </c>
      <c r="E284" s="3" t="s">
        <v>13</v>
      </c>
      <c r="F284" s="3" t="s">
        <v>12</v>
      </c>
      <c r="G284" s="3" t="s">
        <v>12</v>
      </c>
      <c r="H284" s="3" t="s">
        <v>13</v>
      </c>
      <c r="I284" s="3" t="s">
        <v>13</v>
      </c>
    </row>
    <row r="285" spans="1:9" ht="145" x14ac:dyDescent="0.4">
      <c r="A285" s="6" t="s">
        <v>846</v>
      </c>
      <c r="B285" s="4" t="s">
        <v>847</v>
      </c>
      <c r="C285" s="4"/>
      <c r="D285" s="4" t="s">
        <v>13</v>
      </c>
      <c r="E285" s="4" t="s">
        <v>13</v>
      </c>
      <c r="F285" s="4" t="s">
        <v>13</v>
      </c>
      <c r="G285" s="4" t="s">
        <v>13</v>
      </c>
      <c r="H285" s="4" t="s">
        <v>13</v>
      </c>
      <c r="I285" s="4" t="s">
        <v>12</v>
      </c>
    </row>
    <row r="286" spans="1:9" ht="58" x14ac:dyDescent="0.4">
      <c r="A286" s="5" t="s">
        <v>848</v>
      </c>
      <c r="B286" s="3" t="s">
        <v>849</v>
      </c>
      <c r="C286" s="3"/>
      <c r="D286" s="3" t="s">
        <v>13</v>
      </c>
      <c r="E286" s="3" t="s">
        <v>13</v>
      </c>
      <c r="F286" s="3" t="s">
        <v>13</v>
      </c>
      <c r="G286" s="3" t="s">
        <v>12</v>
      </c>
      <c r="H286" s="3" t="s">
        <v>13</v>
      </c>
      <c r="I286" s="3" t="s">
        <v>13</v>
      </c>
    </row>
    <row r="287" spans="1:9" ht="130.5" x14ac:dyDescent="0.4">
      <c r="A287" s="6" t="s">
        <v>850</v>
      </c>
      <c r="B287" s="4" t="s">
        <v>851</v>
      </c>
      <c r="C287" s="4" t="s">
        <v>852</v>
      </c>
      <c r="D287" s="4" t="s">
        <v>13</v>
      </c>
      <c r="E287" s="4" t="s">
        <v>12</v>
      </c>
      <c r="F287" s="4" t="s">
        <v>13</v>
      </c>
      <c r="G287" s="4" t="s">
        <v>13</v>
      </c>
      <c r="H287" s="4" t="s">
        <v>13</v>
      </c>
      <c r="I287" s="4" t="s">
        <v>13</v>
      </c>
    </row>
    <row r="288" spans="1:9" ht="174" x14ac:dyDescent="0.4">
      <c r="A288" s="5" t="s">
        <v>853</v>
      </c>
      <c r="B288" s="3" t="s">
        <v>854</v>
      </c>
      <c r="C288" s="3" t="s">
        <v>855</v>
      </c>
      <c r="D288" s="3" t="s">
        <v>12</v>
      </c>
      <c r="E288" s="3" t="s">
        <v>13</v>
      </c>
      <c r="F288" s="3" t="s">
        <v>13</v>
      </c>
      <c r="G288" s="3" t="s">
        <v>13</v>
      </c>
      <c r="H288" s="3" t="s">
        <v>13</v>
      </c>
      <c r="I288" s="3" t="s">
        <v>13</v>
      </c>
    </row>
    <row r="289" spans="1:9" ht="348" x14ac:dyDescent="0.4">
      <c r="A289" s="6" t="s">
        <v>856</v>
      </c>
      <c r="B289" s="4" t="s">
        <v>857</v>
      </c>
      <c r="C289" s="4" t="s">
        <v>858</v>
      </c>
      <c r="D289" s="4" t="s">
        <v>13</v>
      </c>
      <c r="E289" s="4" t="s">
        <v>13</v>
      </c>
      <c r="F289" s="4" t="s">
        <v>12</v>
      </c>
      <c r="G289" s="4" t="s">
        <v>13</v>
      </c>
      <c r="H289" s="4" t="s">
        <v>13</v>
      </c>
      <c r="I289" s="4" t="s">
        <v>13</v>
      </c>
    </row>
    <row r="290" spans="1:9" ht="188.5" x14ac:dyDescent="0.4">
      <c r="A290" s="5" t="s">
        <v>859</v>
      </c>
      <c r="B290" s="3" t="s">
        <v>860</v>
      </c>
      <c r="C290" s="3" t="s">
        <v>861</v>
      </c>
      <c r="D290" s="3" t="s">
        <v>13</v>
      </c>
      <c r="E290" s="3" t="s">
        <v>13</v>
      </c>
      <c r="F290" s="3" t="s">
        <v>13</v>
      </c>
      <c r="G290" s="3" t="s">
        <v>13</v>
      </c>
      <c r="H290" s="3" t="s">
        <v>12</v>
      </c>
      <c r="I290" s="3" t="s">
        <v>13</v>
      </c>
    </row>
    <row r="291" spans="1:9" ht="246.5" x14ac:dyDescent="0.4">
      <c r="A291" s="6" t="s">
        <v>862</v>
      </c>
      <c r="B291" s="4" t="s">
        <v>863</v>
      </c>
      <c r="C291" s="4" t="s">
        <v>864</v>
      </c>
      <c r="D291" s="4" t="s">
        <v>13</v>
      </c>
      <c r="E291" s="4" t="s">
        <v>13</v>
      </c>
      <c r="F291" s="4" t="s">
        <v>13</v>
      </c>
      <c r="G291" s="4" t="s">
        <v>12</v>
      </c>
      <c r="H291" s="4" t="s">
        <v>13</v>
      </c>
      <c r="I291" s="4" t="s">
        <v>13</v>
      </c>
    </row>
    <row r="292" spans="1:9" ht="304.5" x14ac:dyDescent="0.4">
      <c r="A292" s="5" t="s">
        <v>865</v>
      </c>
      <c r="B292" s="3" t="s">
        <v>866</v>
      </c>
      <c r="C292" s="3"/>
      <c r="D292" s="3" t="s">
        <v>12</v>
      </c>
      <c r="E292" s="3" t="s">
        <v>13</v>
      </c>
      <c r="F292" s="3" t="s">
        <v>13</v>
      </c>
      <c r="G292" s="3" t="s">
        <v>13</v>
      </c>
      <c r="H292" s="3" t="s">
        <v>13</v>
      </c>
      <c r="I292" s="3" t="s">
        <v>13</v>
      </c>
    </row>
    <row r="293" spans="1:9" ht="409.5" x14ac:dyDescent="0.4">
      <c r="A293" s="6" t="s">
        <v>867</v>
      </c>
      <c r="B293" s="4" t="s">
        <v>868</v>
      </c>
      <c r="C293" s="4" t="s">
        <v>869</v>
      </c>
      <c r="D293" s="4" t="s">
        <v>13</v>
      </c>
      <c r="E293" s="4" t="s">
        <v>12</v>
      </c>
      <c r="F293" s="4" t="s">
        <v>13</v>
      </c>
      <c r="G293" s="4" t="s">
        <v>13</v>
      </c>
      <c r="H293" s="4" t="s">
        <v>13</v>
      </c>
      <c r="I293" s="4" t="s">
        <v>13</v>
      </c>
    </row>
    <row r="294" spans="1:9" ht="130.5" x14ac:dyDescent="0.4">
      <c r="A294" s="5" t="s">
        <v>870</v>
      </c>
      <c r="B294" s="3" t="s">
        <v>871</v>
      </c>
      <c r="C294" s="3" t="s">
        <v>872</v>
      </c>
      <c r="D294" s="3" t="s">
        <v>12</v>
      </c>
      <c r="E294" s="3" t="s">
        <v>13</v>
      </c>
      <c r="F294" s="3" t="s">
        <v>13</v>
      </c>
      <c r="G294" s="3" t="s">
        <v>13</v>
      </c>
      <c r="H294" s="3" t="s">
        <v>13</v>
      </c>
      <c r="I294" s="3" t="s">
        <v>13</v>
      </c>
    </row>
    <row r="295" spans="1:9" ht="130.5" x14ac:dyDescent="0.4">
      <c r="A295" s="6" t="s">
        <v>873</v>
      </c>
      <c r="B295" s="4" t="s">
        <v>874</v>
      </c>
      <c r="C295" s="4"/>
      <c r="D295" s="4" t="s">
        <v>12</v>
      </c>
      <c r="E295" s="4" t="s">
        <v>13</v>
      </c>
      <c r="F295" s="4" t="s">
        <v>13</v>
      </c>
      <c r="G295" s="4" t="s">
        <v>13</v>
      </c>
      <c r="H295" s="4" t="s">
        <v>13</v>
      </c>
      <c r="I295" s="4" t="s">
        <v>13</v>
      </c>
    </row>
    <row r="296" spans="1:9" ht="409.5" x14ac:dyDescent="0.4">
      <c r="A296" s="5" t="s">
        <v>875</v>
      </c>
      <c r="B296" s="3" t="s">
        <v>876</v>
      </c>
      <c r="C296" s="3" t="s">
        <v>877</v>
      </c>
      <c r="D296" s="3" t="s">
        <v>12</v>
      </c>
      <c r="E296" s="3" t="s">
        <v>13</v>
      </c>
      <c r="F296" s="3" t="s">
        <v>13</v>
      </c>
      <c r="G296" s="3" t="s">
        <v>13</v>
      </c>
      <c r="H296" s="3" t="s">
        <v>13</v>
      </c>
      <c r="I296" s="3" t="s">
        <v>13</v>
      </c>
    </row>
    <row r="297" spans="1:9" ht="333.5" x14ac:dyDescent="0.4">
      <c r="A297" s="6" t="s">
        <v>878</v>
      </c>
      <c r="B297" s="4" t="s">
        <v>879</v>
      </c>
      <c r="C297" s="4" t="s">
        <v>880</v>
      </c>
      <c r="D297" s="4" t="s">
        <v>12</v>
      </c>
      <c r="E297" s="4" t="s">
        <v>12</v>
      </c>
      <c r="F297" s="4" t="s">
        <v>12</v>
      </c>
      <c r="G297" s="4" t="s">
        <v>12</v>
      </c>
      <c r="H297" s="4" t="s">
        <v>12</v>
      </c>
      <c r="I297" s="4" t="s">
        <v>13</v>
      </c>
    </row>
    <row r="298" spans="1:9" ht="232" x14ac:dyDescent="0.4">
      <c r="A298" s="5" t="s">
        <v>881</v>
      </c>
      <c r="B298" s="3" t="s">
        <v>882</v>
      </c>
      <c r="C298" s="3" t="s">
        <v>883</v>
      </c>
      <c r="D298" s="3" t="s">
        <v>12</v>
      </c>
      <c r="E298" s="3" t="s">
        <v>13</v>
      </c>
      <c r="F298" s="3" t="s">
        <v>13</v>
      </c>
      <c r="G298" s="3" t="s">
        <v>13</v>
      </c>
      <c r="H298" s="3" t="s">
        <v>13</v>
      </c>
      <c r="I298" s="3" t="s">
        <v>13</v>
      </c>
    </row>
    <row r="299" spans="1:9" ht="290" x14ac:dyDescent="0.4">
      <c r="A299" s="6" t="s">
        <v>884</v>
      </c>
      <c r="B299" s="4" t="s">
        <v>885</v>
      </c>
      <c r="C299" s="4" t="s">
        <v>886</v>
      </c>
      <c r="D299" s="4" t="s">
        <v>13</v>
      </c>
      <c r="E299" s="4" t="s">
        <v>12</v>
      </c>
      <c r="F299" s="4" t="s">
        <v>13</v>
      </c>
      <c r="G299" s="4" t="s">
        <v>13</v>
      </c>
      <c r="H299" s="4" t="s">
        <v>13</v>
      </c>
      <c r="I299" s="4" t="s">
        <v>13</v>
      </c>
    </row>
    <row r="300" spans="1:9" ht="409.5" x14ac:dyDescent="0.4">
      <c r="A300" s="5" t="s">
        <v>887</v>
      </c>
      <c r="B300" s="3" t="s">
        <v>888</v>
      </c>
      <c r="C300" s="3" t="s">
        <v>889</v>
      </c>
      <c r="D300" s="3" t="s">
        <v>12</v>
      </c>
      <c r="E300" s="3" t="s">
        <v>12</v>
      </c>
      <c r="F300" s="3" t="s">
        <v>12</v>
      </c>
      <c r="G300" s="3" t="s">
        <v>12</v>
      </c>
      <c r="H300" s="3" t="s">
        <v>12</v>
      </c>
      <c r="I300" s="3" t="s">
        <v>13</v>
      </c>
    </row>
    <row r="301" spans="1:9" ht="409.5" x14ac:dyDescent="0.4">
      <c r="A301" s="6" t="s">
        <v>890</v>
      </c>
      <c r="B301" s="4" t="s">
        <v>891</v>
      </c>
      <c r="C301" s="4" t="s">
        <v>892</v>
      </c>
      <c r="D301" s="4" t="s">
        <v>12</v>
      </c>
      <c r="E301" s="4" t="s">
        <v>13</v>
      </c>
      <c r="F301" s="4" t="s">
        <v>12</v>
      </c>
      <c r="G301" s="4" t="s">
        <v>12</v>
      </c>
      <c r="H301" s="4" t="s">
        <v>12</v>
      </c>
      <c r="I301" s="4" t="s">
        <v>13</v>
      </c>
    </row>
    <row r="302" spans="1:9" ht="409.5" x14ac:dyDescent="0.4">
      <c r="A302" s="5" t="s">
        <v>893</v>
      </c>
      <c r="B302" s="3" t="s">
        <v>894</v>
      </c>
      <c r="C302" s="3" t="s">
        <v>895</v>
      </c>
      <c r="D302" s="3" t="s">
        <v>12</v>
      </c>
      <c r="E302" s="3" t="s">
        <v>12</v>
      </c>
      <c r="F302" s="3" t="s">
        <v>13</v>
      </c>
      <c r="G302" s="3" t="s">
        <v>13</v>
      </c>
      <c r="H302" s="3" t="s">
        <v>12</v>
      </c>
      <c r="I302" s="3" t="s">
        <v>13</v>
      </c>
    </row>
    <row r="303" spans="1:9" ht="409.5" x14ac:dyDescent="0.4">
      <c r="A303" s="6" t="s">
        <v>896</v>
      </c>
      <c r="B303" s="4" t="s">
        <v>897</v>
      </c>
      <c r="C303" s="4" t="s">
        <v>898</v>
      </c>
      <c r="D303" s="4" t="s">
        <v>12</v>
      </c>
      <c r="E303" s="4" t="s">
        <v>13</v>
      </c>
      <c r="F303" s="4" t="s">
        <v>13</v>
      </c>
      <c r="G303" s="4" t="s">
        <v>13</v>
      </c>
      <c r="H303" s="4" t="s">
        <v>12</v>
      </c>
      <c r="I303" s="4" t="s">
        <v>13</v>
      </c>
    </row>
    <row r="304" spans="1:9" ht="159.5" x14ac:dyDescent="0.4">
      <c r="A304" s="5" t="s">
        <v>899</v>
      </c>
      <c r="B304" s="3" t="s">
        <v>900</v>
      </c>
      <c r="C304" s="3" t="s">
        <v>901</v>
      </c>
      <c r="D304" s="3" t="s">
        <v>13</v>
      </c>
      <c r="E304" s="3" t="s">
        <v>13</v>
      </c>
      <c r="F304" s="3" t="s">
        <v>12</v>
      </c>
      <c r="G304" s="3" t="s">
        <v>13</v>
      </c>
      <c r="H304" s="3" t="s">
        <v>13</v>
      </c>
      <c r="I304" s="3" t="s">
        <v>13</v>
      </c>
    </row>
    <row r="305" spans="1:9" ht="290" x14ac:dyDescent="0.4">
      <c r="A305" s="6" t="s">
        <v>902</v>
      </c>
      <c r="B305" s="4" t="s">
        <v>903</v>
      </c>
      <c r="C305" s="4" t="s">
        <v>904</v>
      </c>
      <c r="D305" s="4" t="s">
        <v>13</v>
      </c>
      <c r="E305" s="4" t="s">
        <v>12</v>
      </c>
      <c r="F305" s="4" t="s">
        <v>13</v>
      </c>
      <c r="G305" s="4" t="s">
        <v>13</v>
      </c>
      <c r="H305" s="4" t="s">
        <v>13</v>
      </c>
      <c r="I305" s="4" t="s">
        <v>13</v>
      </c>
    </row>
    <row r="306" spans="1:9" ht="409.5" x14ac:dyDescent="0.4">
      <c r="A306" s="5" t="s">
        <v>905</v>
      </c>
      <c r="B306" s="3" t="s">
        <v>906</v>
      </c>
      <c r="C306" s="3" t="s">
        <v>907</v>
      </c>
      <c r="D306" s="3" t="s">
        <v>12</v>
      </c>
      <c r="E306" s="3" t="s">
        <v>13</v>
      </c>
      <c r="F306" s="3" t="s">
        <v>13</v>
      </c>
      <c r="G306" s="3" t="s">
        <v>13</v>
      </c>
      <c r="H306" s="3" t="s">
        <v>13</v>
      </c>
      <c r="I306" s="3" t="s">
        <v>13</v>
      </c>
    </row>
    <row r="307" spans="1:9" ht="72.5" x14ac:dyDescent="0.4">
      <c r="A307" s="6" t="s">
        <v>908</v>
      </c>
      <c r="B307" s="4" t="s">
        <v>909</v>
      </c>
      <c r="C307" s="4"/>
      <c r="D307" s="4" t="s">
        <v>13</v>
      </c>
      <c r="E307" s="4" t="s">
        <v>13</v>
      </c>
      <c r="F307" s="4" t="s">
        <v>13</v>
      </c>
      <c r="G307" s="4" t="s">
        <v>12</v>
      </c>
      <c r="H307" s="4" t="s">
        <v>13</v>
      </c>
      <c r="I307" s="4" t="s">
        <v>13</v>
      </c>
    </row>
    <row r="308" spans="1:9" ht="43.5" x14ac:dyDescent="0.4">
      <c r="A308" s="5" t="s">
        <v>910</v>
      </c>
      <c r="B308" s="3" t="s">
        <v>911</v>
      </c>
      <c r="C308" s="3"/>
      <c r="D308" s="3" t="s">
        <v>12</v>
      </c>
      <c r="E308" s="3" t="s">
        <v>13</v>
      </c>
      <c r="F308" s="3" t="s">
        <v>13</v>
      </c>
      <c r="G308" s="3" t="s">
        <v>13</v>
      </c>
      <c r="H308" s="3" t="s">
        <v>13</v>
      </c>
      <c r="I308" s="3" t="s">
        <v>12</v>
      </c>
    </row>
    <row r="309" spans="1:9" ht="72.5" x14ac:dyDescent="0.4">
      <c r="A309" s="6" t="s">
        <v>912</v>
      </c>
      <c r="B309" s="4" t="s">
        <v>913</v>
      </c>
      <c r="C309" s="4"/>
      <c r="D309" s="4" t="s">
        <v>13</v>
      </c>
      <c r="E309" s="4" t="s">
        <v>13</v>
      </c>
      <c r="F309" s="4" t="s">
        <v>13</v>
      </c>
      <c r="G309" s="4" t="s">
        <v>13</v>
      </c>
      <c r="H309" s="4" t="s">
        <v>12</v>
      </c>
      <c r="I309" s="4" t="s">
        <v>13</v>
      </c>
    </row>
    <row r="310" spans="1:9" ht="58" x14ac:dyDescent="0.4">
      <c r="A310" s="5" t="s">
        <v>914</v>
      </c>
      <c r="B310" s="3" t="s">
        <v>915</v>
      </c>
      <c r="C310" s="3"/>
      <c r="D310" s="3" t="s">
        <v>13</v>
      </c>
      <c r="E310" s="3" t="s">
        <v>13</v>
      </c>
      <c r="F310" s="3" t="s">
        <v>13</v>
      </c>
      <c r="G310" s="3" t="s">
        <v>12</v>
      </c>
      <c r="H310" s="3" t="s">
        <v>13</v>
      </c>
      <c r="I310" s="3" t="s">
        <v>13</v>
      </c>
    </row>
    <row r="311" spans="1:9" ht="145" x14ac:dyDescent="0.4">
      <c r="A311" s="6" t="s">
        <v>916</v>
      </c>
      <c r="B311" s="4" t="s">
        <v>917</v>
      </c>
      <c r="C311" s="4" t="s">
        <v>918</v>
      </c>
      <c r="D311" s="4" t="s">
        <v>12</v>
      </c>
      <c r="E311" s="4" t="s">
        <v>12</v>
      </c>
      <c r="F311" s="4" t="s">
        <v>12</v>
      </c>
      <c r="G311" s="4" t="s">
        <v>13</v>
      </c>
      <c r="H311" s="4" t="s">
        <v>13</v>
      </c>
      <c r="I311" s="4" t="s">
        <v>13</v>
      </c>
    </row>
    <row r="312" spans="1:9" ht="246.5" x14ac:dyDescent="0.4">
      <c r="A312" s="5" t="s">
        <v>919</v>
      </c>
      <c r="B312" s="3" t="s">
        <v>920</v>
      </c>
      <c r="C312" s="3" t="s">
        <v>921</v>
      </c>
      <c r="D312" s="3" t="s">
        <v>12</v>
      </c>
      <c r="E312" s="3" t="s">
        <v>13</v>
      </c>
      <c r="F312" s="3" t="s">
        <v>12</v>
      </c>
      <c r="G312" s="3" t="s">
        <v>13</v>
      </c>
      <c r="H312" s="3" t="s">
        <v>13</v>
      </c>
      <c r="I312" s="3" t="s">
        <v>13</v>
      </c>
    </row>
    <row r="313" spans="1:9" ht="290" x14ac:dyDescent="0.4">
      <c r="A313" s="6" t="s">
        <v>922</v>
      </c>
      <c r="B313" s="4" t="s">
        <v>923</v>
      </c>
      <c r="C313" s="4" t="s">
        <v>924</v>
      </c>
      <c r="D313" s="4" t="s">
        <v>12</v>
      </c>
      <c r="E313" s="4" t="s">
        <v>12</v>
      </c>
      <c r="F313" s="4" t="s">
        <v>12</v>
      </c>
      <c r="G313" s="4" t="s">
        <v>13</v>
      </c>
      <c r="H313" s="4" t="s">
        <v>13</v>
      </c>
      <c r="I313" s="4" t="s">
        <v>13</v>
      </c>
    </row>
    <row r="314" spans="1:9" ht="261" x14ac:dyDescent="0.4">
      <c r="A314" s="5" t="s">
        <v>925</v>
      </c>
      <c r="B314" s="3" t="s">
        <v>926</v>
      </c>
      <c r="C314" s="3" t="s">
        <v>927</v>
      </c>
      <c r="D314" s="3" t="s">
        <v>12</v>
      </c>
      <c r="E314" s="3" t="s">
        <v>13</v>
      </c>
      <c r="F314" s="3" t="s">
        <v>12</v>
      </c>
      <c r="G314" s="3" t="s">
        <v>12</v>
      </c>
      <c r="H314" s="3" t="s">
        <v>13</v>
      </c>
      <c r="I314" s="3" t="s">
        <v>13</v>
      </c>
    </row>
    <row r="315" spans="1:9" ht="217.5" x14ac:dyDescent="0.4">
      <c r="A315" s="6" t="s">
        <v>928</v>
      </c>
      <c r="B315" s="4" t="s">
        <v>929</v>
      </c>
      <c r="C315" s="4" t="s">
        <v>930</v>
      </c>
      <c r="D315" s="4" t="s">
        <v>12</v>
      </c>
      <c r="E315" s="4" t="s">
        <v>12</v>
      </c>
      <c r="F315" s="4" t="s">
        <v>13</v>
      </c>
      <c r="G315" s="4" t="s">
        <v>13</v>
      </c>
      <c r="H315" s="4" t="s">
        <v>13</v>
      </c>
      <c r="I315" s="4" t="s">
        <v>13</v>
      </c>
    </row>
    <row r="316" spans="1:9" ht="145" x14ac:dyDescent="0.4">
      <c r="A316" s="5" t="s">
        <v>931</v>
      </c>
      <c r="B316" s="3" t="s">
        <v>932</v>
      </c>
      <c r="C316" s="3" t="s">
        <v>933</v>
      </c>
      <c r="D316" s="3" t="s">
        <v>12</v>
      </c>
      <c r="E316" s="3" t="s">
        <v>12</v>
      </c>
      <c r="F316" s="3" t="s">
        <v>12</v>
      </c>
      <c r="G316" s="3" t="s">
        <v>12</v>
      </c>
      <c r="H316" s="3" t="s">
        <v>12</v>
      </c>
      <c r="I316" s="3" t="s">
        <v>13</v>
      </c>
    </row>
    <row r="317" spans="1:9" ht="174" x14ac:dyDescent="0.4">
      <c r="A317" s="6" t="s">
        <v>934</v>
      </c>
      <c r="B317" s="4" t="s">
        <v>935</v>
      </c>
      <c r="C317" s="4" t="s">
        <v>936</v>
      </c>
      <c r="D317" s="4" t="s">
        <v>12</v>
      </c>
      <c r="E317" s="4" t="s">
        <v>13</v>
      </c>
      <c r="F317" s="4" t="s">
        <v>13</v>
      </c>
      <c r="G317" s="4" t="s">
        <v>13</v>
      </c>
      <c r="H317" s="4" t="s">
        <v>12</v>
      </c>
      <c r="I317" s="4" t="s">
        <v>13</v>
      </c>
    </row>
    <row r="318" spans="1:9" ht="304.5" x14ac:dyDescent="0.4">
      <c r="A318" s="5" t="s">
        <v>937</v>
      </c>
      <c r="B318" s="3" t="s">
        <v>938</v>
      </c>
      <c r="C318" s="3" t="s">
        <v>939</v>
      </c>
      <c r="D318" s="3" t="s">
        <v>12</v>
      </c>
      <c r="E318" s="3" t="s">
        <v>12</v>
      </c>
      <c r="F318" s="3" t="s">
        <v>12</v>
      </c>
      <c r="G318" s="3" t="s">
        <v>13</v>
      </c>
      <c r="H318" s="3" t="s">
        <v>13</v>
      </c>
      <c r="I318" s="3" t="s">
        <v>13</v>
      </c>
    </row>
    <row r="319" spans="1:9" ht="319" x14ac:dyDescent="0.4">
      <c r="A319" s="6" t="s">
        <v>940</v>
      </c>
      <c r="B319" s="4" t="s">
        <v>941</v>
      </c>
      <c r="C319" s="4" t="s">
        <v>942</v>
      </c>
      <c r="D319" s="4" t="s">
        <v>12</v>
      </c>
      <c r="E319" s="4" t="s">
        <v>12</v>
      </c>
      <c r="F319" s="4" t="s">
        <v>12</v>
      </c>
      <c r="G319" s="4" t="s">
        <v>13</v>
      </c>
      <c r="H319" s="4" t="s">
        <v>13</v>
      </c>
      <c r="I319" s="4" t="s">
        <v>13</v>
      </c>
    </row>
    <row r="320" spans="1:9" ht="304.5" x14ac:dyDescent="0.4">
      <c r="A320" s="5" t="s">
        <v>943</v>
      </c>
      <c r="B320" s="3" t="s">
        <v>944</v>
      </c>
      <c r="C320" s="3" t="s">
        <v>945</v>
      </c>
      <c r="D320" s="3" t="s">
        <v>12</v>
      </c>
      <c r="E320" s="3" t="s">
        <v>13</v>
      </c>
      <c r="F320" s="3" t="s">
        <v>12</v>
      </c>
      <c r="G320" s="3" t="s">
        <v>12</v>
      </c>
      <c r="H320" s="3" t="s">
        <v>13</v>
      </c>
      <c r="I320" s="3" t="s">
        <v>13</v>
      </c>
    </row>
    <row r="321" spans="1:9" ht="188.5" x14ac:dyDescent="0.4">
      <c r="A321" s="6" t="s">
        <v>946</v>
      </c>
      <c r="B321" s="4" t="s">
        <v>947</v>
      </c>
      <c r="C321" s="4" t="s">
        <v>948</v>
      </c>
      <c r="D321" s="4" t="s">
        <v>12</v>
      </c>
      <c r="E321" s="4" t="s">
        <v>12</v>
      </c>
      <c r="F321" s="4" t="s">
        <v>13</v>
      </c>
      <c r="G321" s="4" t="s">
        <v>13</v>
      </c>
      <c r="H321" s="4" t="s">
        <v>13</v>
      </c>
      <c r="I321" s="4" t="s">
        <v>13</v>
      </c>
    </row>
    <row r="322" spans="1:9" ht="409.5" x14ac:dyDescent="0.4">
      <c r="A322" s="5" t="s">
        <v>949</v>
      </c>
      <c r="B322" s="3" t="s">
        <v>950</v>
      </c>
      <c r="C322" s="3" t="s">
        <v>951</v>
      </c>
      <c r="D322" s="3" t="s">
        <v>12</v>
      </c>
      <c r="E322" s="3" t="s">
        <v>12</v>
      </c>
      <c r="F322" s="3" t="s">
        <v>13</v>
      </c>
      <c r="G322" s="3" t="s">
        <v>13</v>
      </c>
      <c r="H322" s="3" t="s">
        <v>13</v>
      </c>
      <c r="I322" s="3" t="s">
        <v>13</v>
      </c>
    </row>
    <row r="323" spans="1:9" ht="409.5" x14ac:dyDescent="0.4">
      <c r="A323" s="6" t="s">
        <v>952</v>
      </c>
      <c r="B323" s="4" t="s">
        <v>953</v>
      </c>
      <c r="C323" s="4" t="s">
        <v>954</v>
      </c>
      <c r="D323" s="4" t="s">
        <v>13</v>
      </c>
      <c r="E323" s="4" t="s">
        <v>13</v>
      </c>
      <c r="F323" s="4" t="s">
        <v>12</v>
      </c>
      <c r="G323" s="4" t="s">
        <v>12</v>
      </c>
      <c r="H323" s="4" t="s">
        <v>13</v>
      </c>
      <c r="I323" s="4" t="s">
        <v>13</v>
      </c>
    </row>
    <row r="324" spans="1:9" ht="409.5" x14ac:dyDescent="0.4">
      <c r="A324" s="5" t="s">
        <v>955</v>
      </c>
      <c r="B324" s="3" t="s">
        <v>956</v>
      </c>
      <c r="C324" s="3" t="s">
        <v>957</v>
      </c>
      <c r="D324" s="3" t="s">
        <v>12</v>
      </c>
      <c r="E324" s="3" t="s">
        <v>12</v>
      </c>
      <c r="F324" s="3" t="s">
        <v>12</v>
      </c>
      <c r="G324" s="3" t="s">
        <v>13</v>
      </c>
      <c r="H324" s="3" t="s">
        <v>13</v>
      </c>
      <c r="I324" s="3" t="s">
        <v>13</v>
      </c>
    </row>
    <row r="325" spans="1:9" ht="261" x14ac:dyDescent="0.4">
      <c r="A325" s="6" t="s">
        <v>958</v>
      </c>
      <c r="B325" s="4" t="s">
        <v>959</v>
      </c>
      <c r="C325" s="4" t="s">
        <v>960</v>
      </c>
      <c r="D325" s="4" t="s">
        <v>13</v>
      </c>
      <c r="E325" s="4" t="s">
        <v>12</v>
      </c>
      <c r="F325" s="4" t="s">
        <v>13</v>
      </c>
      <c r="G325" s="4" t="s">
        <v>13</v>
      </c>
      <c r="H325" s="4" t="s">
        <v>13</v>
      </c>
      <c r="I325" s="4" t="s">
        <v>13</v>
      </c>
    </row>
    <row r="326" spans="1:9" ht="409.5" x14ac:dyDescent="0.4">
      <c r="A326" s="5" t="s">
        <v>961</v>
      </c>
      <c r="B326" s="3" t="s">
        <v>962</v>
      </c>
      <c r="C326" s="3" t="s">
        <v>963</v>
      </c>
      <c r="D326" s="3" t="s">
        <v>13</v>
      </c>
      <c r="E326" s="3" t="s">
        <v>12</v>
      </c>
      <c r="F326" s="3" t="s">
        <v>12</v>
      </c>
      <c r="G326" s="3" t="s">
        <v>13</v>
      </c>
      <c r="H326" s="3" t="s">
        <v>13</v>
      </c>
      <c r="I326" s="3" t="s">
        <v>13</v>
      </c>
    </row>
    <row r="327" spans="1:9" ht="409.5" x14ac:dyDescent="0.4">
      <c r="A327" s="6" t="s">
        <v>964</v>
      </c>
      <c r="B327" s="4" t="s">
        <v>965</v>
      </c>
      <c r="C327" s="4" t="s">
        <v>966</v>
      </c>
      <c r="D327" s="4" t="s">
        <v>12</v>
      </c>
      <c r="E327" s="4" t="s">
        <v>13</v>
      </c>
      <c r="F327" s="4" t="s">
        <v>13</v>
      </c>
      <c r="G327" s="4" t="s">
        <v>13</v>
      </c>
      <c r="H327" s="4" t="s">
        <v>13</v>
      </c>
      <c r="I327" s="4" t="s">
        <v>13</v>
      </c>
    </row>
    <row r="328" spans="1:9" ht="116" x14ac:dyDescent="0.4">
      <c r="A328" s="5" t="s">
        <v>967</v>
      </c>
      <c r="B328" s="3" t="s">
        <v>968</v>
      </c>
      <c r="C328" s="3" t="s">
        <v>969</v>
      </c>
      <c r="D328" s="3" t="s">
        <v>13</v>
      </c>
      <c r="E328" s="3" t="s">
        <v>12</v>
      </c>
      <c r="F328" s="3" t="s">
        <v>13</v>
      </c>
      <c r="G328" s="3" t="s">
        <v>13</v>
      </c>
      <c r="H328" s="3" t="s">
        <v>12</v>
      </c>
      <c r="I328" s="3" t="s">
        <v>13</v>
      </c>
    </row>
    <row r="329" spans="1:9" ht="174" x14ac:dyDescent="0.4">
      <c r="A329" s="6" t="s">
        <v>970</v>
      </c>
      <c r="B329" s="4" t="s">
        <v>971</v>
      </c>
      <c r="C329" s="4" t="s">
        <v>972</v>
      </c>
      <c r="D329" s="4" t="s">
        <v>12</v>
      </c>
      <c r="E329" s="4" t="s">
        <v>13</v>
      </c>
      <c r="F329" s="4" t="s">
        <v>13</v>
      </c>
      <c r="G329" s="4" t="s">
        <v>13</v>
      </c>
      <c r="H329" s="4" t="s">
        <v>13</v>
      </c>
      <c r="I329" s="4" t="s">
        <v>13</v>
      </c>
    </row>
    <row r="330" spans="1:9" ht="58" x14ac:dyDescent="0.4">
      <c r="A330" s="5" t="s">
        <v>973</v>
      </c>
      <c r="B330" s="3" t="s">
        <v>974</v>
      </c>
      <c r="C330" s="3" t="s">
        <v>975</v>
      </c>
      <c r="D330" s="3" t="s">
        <v>13</v>
      </c>
      <c r="E330" s="3" t="s">
        <v>12</v>
      </c>
      <c r="F330" s="3" t="s">
        <v>13</v>
      </c>
      <c r="G330" s="3" t="s">
        <v>13</v>
      </c>
      <c r="H330" s="3" t="s">
        <v>13</v>
      </c>
      <c r="I330" s="3" t="s">
        <v>13</v>
      </c>
    </row>
    <row r="331" spans="1:9" ht="101.5" x14ac:dyDescent="0.4">
      <c r="A331" s="6" t="s">
        <v>976</v>
      </c>
      <c r="B331" s="4" t="s">
        <v>977</v>
      </c>
      <c r="C331" s="4" t="s">
        <v>978</v>
      </c>
      <c r="D331" s="4" t="s">
        <v>13</v>
      </c>
      <c r="E331" s="4" t="s">
        <v>12</v>
      </c>
      <c r="F331" s="4" t="s">
        <v>13</v>
      </c>
      <c r="G331" s="4" t="s">
        <v>13</v>
      </c>
      <c r="H331" s="4" t="s">
        <v>13</v>
      </c>
      <c r="I331" s="4" t="s">
        <v>13</v>
      </c>
    </row>
    <row r="332" spans="1:9" ht="87" x14ac:dyDescent="0.4">
      <c r="A332" s="5" t="s">
        <v>979</v>
      </c>
      <c r="B332" s="3" t="s">
        <v>980</v>
      </c>
      <c r="C332" s="3" t="s">
        <v>981</v>
      </c>
      <c r="D332" s="3" t="s">
        <v>12</v>
      </c>
      <c r="E332" s="3" t="s">
        <v>13</v>
      </c>
      <c r="F332" s="3" t="s">
        <v>13</v>
      </c>
      <c r="G332" s="3" t="s">
        <v>13</v>
      </c>
      <c r="H332" s="3" t="s">
        <v>13</v>
      </c>
      <c r="I332" s="3" t="s">
        <v>13</v>
      </c>
    </row>
    <row r="333" spans="1:9" ht="409.5" x14ac:dyDescent="0.4">
      <c r="A333" s="6" t="s">
        <v>982</v>
      </c>
      <c r="B333" s="4" t="s">
        <v>983</v>
      </c>
      <c r="C333" s="4" t="s">
        <v>984</v>
      </c>
      <c r="D333" s="4" t="s">
        <v>12</v>
      </c>
      <c r="E333" s="4" t="s">
        <v>13</v>
      </c>
      <c r="F333" s="4" t="s">
        <v>13</v>
      </c>
      <c r="G333" s="4" t="s">
        <v>13</v>
      </c>
      <c r="H333" s="4" t="s">
        <v>13</v>
      </c>
      <c r="I333" s="4" t="s">
        <v>13</v>
      </c>
    </row>
    <row r="334" spans="1:9" ht="275.5" x14ac:dyDescent="0.4">
      <c r="A334" s="5" t="s">
        <v>985</v>
      </c>
      <c r="B334" s="3" t="s">
        <v>986</v>
      </c>
      <c r="C334" s="3" t="s">
        <v>987</v>
      </c>
      <c r="D334" s="3" t="s">
        <v>13</v>
      </c>
      <c r="E334" s="3" t="s">
        <v>13</v>
      </c>
      <c r="F334" s="3" t="s">
        <v>13</v>
      </c>
      <c r="G334" s="3" t="s">
        <v>13</v>
      </c>
      <c r="H334" s="3" t="s">
        <v>12</v>
      </c>
      <c r="I334" s="3" t="s">
        <v>13</v>
      </c>
    </row>
    <row r="335" spans="1:9" ht="409.5" x14ac:dyDescent="0.4">
      <c r="A335" s="6" t="s">
        <v>988</v>
      </c>
      <c r="B335" s="4" t="s">
        <v>989</v>
      </c>
      <c r="C335" s="4" t="s">
        <v>990</v>
      </c>
      <c r="D335" s="4" t="s">
        <v>13</v>
      </c>
      <c r="E335" s="4" t="s">
        <v>12</v>
      </c>
      <c r="F335" s="4" t="s">
        <v>13</v>
      </c>
      <c r="G335" s="4" t="s">
        <v>12</v>
      </c>
      <c r="H335" s="4" t="s">
        <v>13</v>
      </c>
      <c r="I335" s="4" t="s">
        <v>13</v>
      </c>
    </row>
    <row r="336" spans="1:9" ht="409.5" x14ac:dyDescent="0.4">
      <c r="A336" s="5" t="s">
        <v>991</v>
      </c>
      <c r="B336" s="3" t="s">
        <v>992</v>
      </c>
      <c r="C336" s="3" t="s">
        <v>993</v>
      </c>
      <c r="D336" s="3" t="s">
        <v>13</v>
      </c>
      <c r="E336" s="3" t="s">
        <v>13</v>
      </c>
      <c r="F336" s="3" t="s">
        <v>13</v>
      </c>
      <c r="G336" s="3" t="s">
        <v>12</v>
      </c>
      <c r="H336" s="3" t="s">
        <v>13</v>
      </c>
      <c r="I336" s="3" t="s">
        <v>13</v>
      </c>
    </row>
    <row r="337" spans="1:9" ht="409.5" x14ac:dyDescent="0.4">
      <c r="A337" s="6" t="s">
        <v>994</v>
      </c>
      <c r="B337" s="4" t="s">
        <v>995</v>
      </c>
      <c r="C337" s="4" t="s">
        <v>996</v>
      </c>
      <c r="D337" s="4" t="s">
        <v>13</v>
      </c>
      <c r="E337" s="4" t="s">
        <v>12</v>
      </c>
      <c r="F337" s="4" t="s">
        <v>13</v>
      </c>
      <c r="G337" s="4" t="s">
        <v>12</v>
      </c>
      <c r="H337" s="4" t="s">
        <v>13</v>
      </c>
      <c r="I337" s="4" t="s">
        <v>13</v>
      </c>
    </row>
    <row r="338" spans="1:9" ht="409.5" x14ac:dyDescent="0.4">
      <c r="A338" s="5" t="s">
        <v>997</v>
      </c>
      <c r="B338" s="3" t="s">
        <v>998</v>
      </c>
      <c r="C338" s="3" t="s">
        <v>999</v>
      </c>
      <c r="D338" s="3" t="s">
        <v>13</v>
      </c>
      <c r="E338" s="3" t="s">
        <v>13</v>
      </c>
      <c r="F338" s="3" t="s">
        <v>12</v>
      </c>
      <c r="G338" s="3" t="s">
        <v>13</v>
      </c>
      <c r="H338" s="3" t="s">
        <v>13</v>
      </c>
      <c r="I338" s="3" t="s">
        <v>13</v>
      </c>
    </row>
    <row r="339" spans="1:9" ht="409.5" x14ac:dyDescent="0.4">
      <c r="A339" s="6" t="s">
        <v>1000</v>
      </c>
      <c r="B339" s="4" t="s">
        <v>1001</v>
      </c>
      <c r="C339" s="4" t="s">
        <v>1002</v>
      </c>
      <c r="D339" s="4" t="s">
        <v>13</v>
      </c>
      <c r="E339" s="4" t="s">
        <v>12</v>
      </c>
      <c r="F339" s="4" t="s">
        <v>13</v>
      </c>
      <c r="G339" s="4" t="s">
        <v>13</v>
      </c>
      <c r="H339" s="4" t="s">
        <v>12</v>
      </c>
      <c r="I339" s="4" t="s">
        <v>13</v>
      </c>
    </row>
    <row r="340" spans="1:9" ht="409.5" x14ac:dyDescent="0.4">
      <c r="A340" s="5" t="s">
        <v>1003</v>
      </c>
      <c r="B340" s="3" t="s">
        <v>1004</v>
      </c>
      <c r="C340" s="3" t="s">
        <v>1005</v>
      </c>
      <c r="D340" s="3" t="s">
        <v>13</v>
      </c>
      <c r="E340" s="3" t="s">
        <v>12</v>
      </c>
      <c r="F340" s="3" t="s">
        <v>13</v>
      </c>
      <c r="G340" s="3" t="s">
        <v>12</v>
      </c>
      <c r="H340" s="3" t="s">
        <v>13</v>
      </c>
      <c r="I340" s="3" t="s">
        <v>13</v>
      </c>
    </row>
    <row r="341" spans="1:9" ht="409.5" x14ac:dyDescent="0.4">
      <c r="A341" s="6" t="s">
        <v>1006</v>
      </c>
      <c r="B341" s="4" t="s">
        <v>1007</v>
      </c>
      <c r="C341" s="4" t="s">
        <v>1008</v>
      </c>
      <c r="D341" s="4" t="s">
        <v>13</v>
      </c>
      <c r="E341" s="4" t="s">
        <v>12</v>
      </c>
      <c r="F341" s="4" t="s">
        <v>13</v>
      </c>
      <c r="G341" s="4" t="s">
        <v>13</v>
      </c>
      <c r="H341" s="4" t="s">
        <v>13</v>
      </c>
      <c r="I341" s="4" t="s">
        <v>13</v>
      </c>
    </row>
    <row r="342" spans="1:9" ht="409.5" x14ac:dyDescent="0.4">
      <c r="A342" s="5" t="s">
        <v>1009</v>
      </c>
      <c r="B342" s="3" t="s">
        <v>1010</v>
      </c>
      <c r="C342" s="3" t="s">
        <v>1010</v>
      </c>
      <c r="D342" s="3" t="s">
        <v>13</v>
      </c>
      <c r="E342" s="3" t="s">
        <v>13</v>
      </c>
      <c r="F342" s="3" t="s">
        <v>12</v>
      </c>
      <c r="G342" s="3" t="s">
        <v>12</v>
      </c>
      <c r="H342" s="3" t="s">
        <v>12</v>
      </c>
      <c r="I342" s="3" t="s">
        <v>13</v>
      </c>
    </row>
    <row r="343" spans="1:9" ht="43.5" x14ac:dyDescent="0.4">
      <c r="A343" s="6" t="s">
        <v>1011</v>
      </c>
      <c r="B343" s="4" t="s">
        <v>1012</v>
      </c>
      <c r="C343" s="4" t="e">
        <f>- Enables workforce agility
- allows long service leave contributions to be invested into the wider economy</f>
        <v>#NAME?</v>
      </c>
      <c r="D343" s="4" t="s">
        <v>12</v>
      </c>
      <c r="E343" s="4" t="s">
        <v>13</v>
      </c>
      <c r="F343" s="4" t="s">
        <v>13</v>
      </c>
      <c r="G343" s="4" t="s">
        <v>13</v>
      </c>
      <c r="H343" s="4" t="s">
        <v>13</v>
      </c>
      <c r="I343" s="4" t="s">
        <v>13</v>
      </c>
    </row>
    <row r="344" spans="1:9" ht="130.5" x14ac:dyDescent="0.4">
      <c r="A344" s="5" t="s">
        <v>1013</v>
      </c>
      <c r="B344" s="3" t="s">
        <v>1014</v>
      </c>
      <c r="C344" s="3" t="e">
        <f>- Broader impact that increases to the home loan interest rates
- Potentially reduces the reliance on the Government at retirement
- Increased investment in super can spur business investment.</f>
        <v>#NAME?</v>
      </c>
      <c r="D344" s="3" t="s">
        <v>12</v>
      </c>
      <c r="E344" s="3" t="s">
        <v>13</v>
      </c>
      <c r="F344" s="3" t="s">
        <v>13</v>
      </c>
      <c r="G344" s="3"/>
      <c r="H344" s="3" t="s">
        <v>13</v>
      </c>
      <c r="I344" s="3" t="s">
        <v>13</v>
      </c>
    </row>
    <row r="345" spans="1:9" ht="101.5" x14ac:dyDescent="0.4">
      <c r="A345" s="6" t="s">
        <v>1015</v>
      </c>
      <c r="B345" s="4" t="s">
        <v>1016</v>
      </c>
      <c r="C345" s="4" t="s">
        <v>1017</v>
      </c>
      <c r="D345" s="4" t="s">
        <v>12</v>
      </c>
      <c r="E345" s="4" t="s">
        <v>13</v>
      </c>
      <c r="F345" s="4" t="s">
        <v>13</v>
      </c>
      <c r="G345" s="4" t="s">
        <v>13</v>
      </c>
      <c r="H345" s="4" t="s">
        <v>13</v>
      </c>
      <c r="I345" s="4" t="s">
        <v>13</v>
      </c>
    </row>
    <row r="346" spans="1:9" ht="159.5" x14ac:dyDescent="0.4">
      <c r="A346" s="5" t="s">
        <v>1018</v>
      </c>
      <c r="B346" s="3" t="s">
        <v>1019</v>
      </c>
      <c r="C346" s="3" t="s">
        <v>1020</v>
      </c>
      <c r="D346" s="3" t="s">
        <v>12</v>
      </c>
      <c r="E346" s="3" t="s">
        <v>13</v>
      </c>
      <c r="F346" s="3" t="s">
        <v>13</v>
      </c>
      <c r="G346" s="3" t="s">
        <v>13</v>
      </c>
      <c r="H346" s="3" t="s">
        <v>13</v>
      </c>
      <c r="I346" s="3" t="s">
        <v>12</v>
      </c>
    </row>
    <row r="347" spans="1:9" ht="87" x14ac:dyDescent="0.4">
      <c r="A347" s="6" t="s">
        <v>1021</v>
      </c>
      <c r="B347" s="4" t="s">
        <v>1022</v>
      </c>
      <c r="C347" s="4" t="s">
        <v>1023</v>
      </c>
      <c r="D347" s="4" t="s">
        <v>13</v>
      </c>
      <c r="E347" s="4" t="s">
        <v>12</v>
      </c>
      <c r="F347" s="4" t="s">
        <v>13</v>
      </c>
      <c r="G347" s="4" t="s">
        <v>12</v>
      </c>
      <c r="H347" s="4" t="s">
        <v>13</v>
      </c>
      <c r="I347" s="4" t="s">
        <v>13</v>
      </c>
    </row>
    <row r="348" spans="1:9" ht="409.5" x14ac:dyDescent="0.4">
      <c r="A348" s="5" t="s">
        <v>1024</v>
      </c>
      <c r="B348" s="3" t="s">
        <v>1025</v>
      </c>
      <c r="C348" s="3" t="s">
        <v>1026</v>
      </c>
      <c r="D348" s="3" t="s">
        <v>13</v>
      </c>
      <c r="E348" s="3" t="s">
        <v>12</v>
      </c>
      <c r="F348" s="3" t="s">
        <v>12</v>
      </c>
      <c r="G348" s="3" t="s">
        <v>12</v>
      </c>
      <c r="H348" s="3" t="s">
        <v>12</v>
      </c>
      <c r="I348" s="3" t="s">
        <v>13</v>
      </c>
    </row>
    <row r="349" spans="1:9" ht="174" x14ac:dyDescent="0.4">
      <c r="A349" s="6" t="s">
        <v>1027</v>
      </c>
      <c r="B349" s="4" t="s">
        <v>1028</v>
      </c>
      <c r="C349" s="4" t="s">
        <v>1029</v>
      </c>
      <c r="D349" s="4" t="s">
        <v>12</v>
      </c>
      <c r="E349" s="4" t="s">
        <v>13</v>
      </c>
      <c r="F349" s="4" t="s">
        <v>13</v>
      </c>
      <c r="G349" s="4" t="s">
        <v>13</v>
      </c>
      <c r="H349" s="4" t="s">
        <v>13</v>
      </c>
      <c r="I349" s="4" t="s">
        <v>13</v>
      </c>
    </row>
    <row r="350" spans="1:9" ht="409.5" x14ac:dyDescent="0.4">
      <c r="A350" s="5" t="s">
        <v>1030</v>
      </c>
      <c r="B350" s="3" t="s">
        <v>1031</v>
      </c>
      <c r="C350" s="3" t="s">
        <v>1032</v>
      </c>
      <c r="D350" s="3" t="s">
        <v>12</v>
      </c>
      <c r="E350" s="3" t="s">
        <v>13</v>
      </c>
      <c r="F350" s="3" t="s">
        <v>13</v>
      </c>
      <c r="G350" s="3" t="s">
        <v>13</v>
      </c>
      <c r="H350" s="3" t="s">
        <v>13</v>
      </c>
      <c r="I350" s="3" t="s">
        <v>13</v>
      </c>
    </row>
    <row r="351" spans="1:9" ht="409.5" x14ac:dyDescent="0.4">
      <c r="A351" s="6" t="s">
        <v>1033</v>
      </c>
      <c r="B351" s="4" t="s">
        <v>1034</v>
      </c>
      <c r="C351" s="4" t="s">
        <v>1035</v>
      </c>
      <c r="D351" s="4" t="s">
        <v>13</v>
      </c>
      <c r="E351" s="4" t="s">
        <v>12</v>
      </c>
      <c r="F351" s="4" t="s">
        <v>12</v>
      </c>
      <c r="G351" s="4" t="s">
        <v>13</v>
      </c>
      <c r="H351" s="4" t="s">
        <v>13</v>
      </c>
      <c r="I351" s="4" t="s">
        <v>13</v>
      </c>
    </row>
    <row r="352" spans="1:9" ht="145" x14ac:dyDescent="0.4">
      <c r="A352" s="5" t="s">
        <v>1036</v>
      </c>
      <c r="B352" s="3" t="s">
        <v>1037</v>
      </c>
      <c r="C352" s="3" t="s">
        <v>1038</v>
      </c>
      <c r="D352" s="3" t="s">
        <v>13</v>
      </c>
      <c r="E352" s="3" t="s">
        <v>13</v>
      </c>
      <c r="F352" s="3" t="s">
        <v>12</v>
      </c>
      <c r="G352" s="3" t="s">
        <v>13</v>
      </c>
      <c r="H352" s="3" t="s">
        <v>12</v>
      </c>
      <c r="I352" s="3" t="s">
        <v>13</v>
      </c>
    </row>
    <row r="353" spans="1:9" ht="409.5" x14ac:dyDescent="0.4">
      <c r="A353" s="6" t="s">
        <v>1039</v>
      </c>
      <c r="B353" s="4" t="s">
        <v>1040</v>
      </c>
      <c r="C353" s="4" t="s">
        <v>1041</v>
      </c>
      <c r="D353" s="4" t="s">
        <v>13</v>
      </c>
      <c r="E353" s="4" t="s">
        <v>13</v>
      </c>
      <c r="F353" s="4" t="s">
        <v>12</v>
      </c>
      <c r="G353" s="4" t="s">
        <v>13</v>
      </c>
      <c r="H353" s="4" t="s">
        <v>13</v>
      </c>
      <c r="I353" s="4" t="s">
        <v>13</v>
      </c>
    </row>
    <row r="354" spans="1:9" ht="203" x14ac:dyDescent="0.4">
      <c r="A354" s="5" t="s">
        <v>1042</v>
      </c>
      <c r="B354" s="3" t="s">
        <v>1043</v>
      </c>
      <c r="C354" s="3" t="s">
        <v>1044</v>
      </c>
      <c r="D354" s="3" t="s">
        <v>12</v>
      </c>
      <c r="E354" s="3" t="s">
        <v>12</v>
      </c>
      <c r="F354" s="3" t="s">
        <v>13</v>
      </c>
      <c r="G354" s="3" t="s">
        <v>13</v>
      </c>
      <c r="H354" s="3" t="s">
        <v>13</v>
      </c>
      <c r="I354" s="3" t="s">
        <v>13</v>
      </c>
    </row>
    <row r="355" spans="1:9" ht="409.5" x14ac:dyDescent="0.4">
      <c r="A355" s="6" t="s">
        <v>1045</v>
      </c>
      <c r="B355" s="4" t="s">
        <v>1046</v>
      </c>
      <c r="C355" s="4" t="s">
        <v>1047</v>
      </c>
      <c r="D355" s="4" t="s">
        <v>13</v>
      </c>
      <c r="E355" s="4" t="s">
        <v>12</v>
      </c>
      <c r="F355" s="4" t="s">
        <v>13</v>
      </c>
      <c r="G355" s="4" t="s">
        <v>13</v>
      </c>
      <c r="H355" s="4" t="s">
        <v>12</v>
      </c>
      <c r="I355" s="4" t="s">
        <v>13</v>
      </c>
    </row>
    <row r="356" spans="1:9" ht="246.5" x14ac:dyDescent="0.4">
      <c r="A356" s="5" t="s">
        <v>1048</v>
      </c>
      <c r="B356" s="3" t="s">
        <v>1049</v>
      </c>
      <c r="C356" s="3" t="s">
        <v>1050</v>
      </c>
      <c r="D356" s="3" t="s">
        <v>13</v>
      </c>
      <c r="E356" s="3" t="s">
        <v>12</v>
      </c>
      <c r="F356" s="3" t="s">
        <v>12</v>
      </c>
      <c r="G356" s="3" t="s">
        <v>13</v>
      </c>
      <c r="H356" s="3" t="s">
        <v>13</v>
      </c>
      <c r="I356" s="3" t="s">
        <v>13</v>
      </c>
    </row>
    <row r="357" spans="1:9" ht="409.5" x14ac:dyDescent="0.4">
      <c r="A357" s="6" t="s">
        <v>1051</v>
      </c>
      <c r="B357" s="4" t="s">
        <v>1052</v>
      </c>
      <c r="C357" s="4" t="s">
        <v>1053</v>
      </c>
      <c r="D357" s="4" t="s">
        <v>13</v>
      </c>
      <c r="E357" s="4" t="s">
        <v>12</v>
      </c>
      <c r="F357" s="4" t="s">
        <v>13</v>
      </c>
      <c r="G357" s="4" t="s">
        <v>13</v>
      </c>
      <c r="H357" s="4" t="s">
        <v>12</v>
      </c>
      <c r="I357" s="4" t="s">
        <v>13</v>
      </c>
    </row>
    <row r="358" spans="1:9" ht="116" x14ac:dyDescent="0.4">
      <c r="A358" s="5" t="s">
        <v>1054</v>
      </c>
      <c r="B358" s="3" t="s">
        <v>1055</v>
      </c>
      <c r="C358" s="3" t="s">
        <v>1056</v>
      </c>
      <c r="D358" s="3" t="s">
        <v>12</v>
      </c>
      <c r="E358" s="3" t="s">
        <v>13</v>
      </c>
      <c r="F358" s="3" t="s">
        <v>13</v>
      </c>
      <c r="G358" s="3" t="s">
        <v>13</v>
      </c>
      <c r="H358" s="3" t="s">
        <v>13</v>
      </c>
      <c r="I358" s="3" t="s">
        <v>13</v>
      </c>
    </row>
    <row r="359" spans="1:9" ht="409.5" x14ac:dyDescent="0.4">
      <c r="A359" s="6" t="s">
        <v>1057</v>
      </c>
      <c r="B359" s="4" t="s">
        <v>1058</v>
      </c>
      <c r="C359" s="4" t="s">
        <v>1059</v>
      </c>
      <c r="D359" s="4" t="s">
        <v>12</v>
      </c>
      <c r="E359" s="4" t="s">
        <v>12</v>
      </c>
      <c r="F359" s="4" t="s">
        <v>13</v>
      </c>
      <c r="G359" s="4" t="s">
        <v>13</v>
      </c>
      <c r="H359" s="4" t="s">
        <v>13</v>
      </c>
      <c r="I359" s="4" t="s">
        <v>13</v>
      </c>
    </row>
    <row r="360" spans="1:9" ht="159.5" x14ac:dyDescent="0.4">
      <c r="A360" s="5" t="s">
        <v>1060</v>
      </c>
      <c r="B360" s="3" t="s">
        <v>1061</v>
      </c>
      <c r="C360" s="3" t="s">
        <v>1062</v>
      </c>
      <c r="D360" s="3" t="s">
        <v>12</v>
      </c>
      <c r="E360" s="3" t="s">
        <v>13</v>
      </c>
      <c r="F360" s="3" t="s">
        <v>13</v>
      </c>
      <c r="G360" s="3" t="s">
        <v>13</v>
      </c>
      <c r="H360" s="3" t="s">
        <v>13</v>
      </c>
      <c r="I360" s="3" t="s">
        <v>13</v>
      </c>
    </row>
    <row r="361" spans="1:9" ht="188.5" x14ac:dyDescent="0.4">
      <c r="A361" s="6" t="s">
        <v>1063</v>
      </c>
      <c r="B361" s="4" t="s">
        <v>1064</v>
      </c>
      <c r="C361" s="4" t="s">
        <v>1065</v>
      </c>
      <c r="D361" s="4" t="s">
        <v>13</v>
      </c>
      <c r="E361" s="4" t="s">
        <v>13</v>
      </c>
      <c r="F361" s="4" t="s">
        <v>13</v>
      </c>
      <c r="G361" s="4" t="s">
        <v>13</v>
      </c>
      <c r="H361" s="4" t="s">
        <v>13</v>
      </c>
      <c r="I361" s="4" t="s">
        <v>13</v>
      </c>
    </row>
    <row r="362" spans="1:9" ht="101.5" x14ac:dyDescent="0.4">
      <c r="A362" s="5" t="s">
        <v>1066</v>
      </c>
      <c r="B362" s="3" t="s">
        <v>1067</v>
      </c>
      <c r="C362" s="3" t="s">
        <v>1068</v>
      </c>
      <c r="D362" s="3" t="s">
        <v>13</v>
      </c>
      <c r="E362" s="3" t="s">
        <v>12</v>
      </c>
      <c r="F362" s="3" t="s">
        <v>13</v>
      </c>
      <c r="G362" s="3" t="s">
        <v>13</v>
      </c>
      <c r="H362" s="3" t="s">
        <v>13</v>
      </c>
      <c r="I362" s="3" t="s">
        <v>13</v>
      </c>
    </row>
    <row r="363" spans="1:9" ht="159.5" x14ac:dyDescent="0.4">
      <c r="A363" s="6" t="s">
        <v>1069</v>
      </c>
      <c r="B363" s="4" t="s">
        <v>1070</v>
      </c>
      <c r="C363" s="4" t="s">
        <v>1071</v>
      </c>
      <c r="D363" s="4" t="s">
        <v>13</v>
      </c>
      <c r="E363" s="4" t="s">
        <v>12</v>
      </c>
      <c r="F363" s="4" t="s">
        <v>12</v>
      </c>
      <c r="G363" s="4" t="s">
        <v>13</v>
      </c>
      <c r="H363" s="4" t="s">
        <v>13</v>
      </c>
      <c r="I363" s="4" t="s">
        <v>13</v>
      </c>
    </row>
    <row r="364" spans="1:9" ht="409.5" x14ac:dyDescent="0.4">
      <c r="A364" s="5" t="s">
        <v>1072</v>
      </c>
      <c r="B364" s="3" t="s">
        <v>1073</v>
      </c>
      <c r="C364" s="3" t="s">
        <v>1074</v>
      </c>
      <c r="D364" s="3" t="s">
        <v>13</v>
      </c>
      <c r="E364" s="3" t="s">
        <v>12</v>
      </c>
      <c r="F364" s="3" t="s">
        <v>13</v>
      </c>
      <c r="G364" s="3" t="s">
        <v>13</v>
      </c>
      <c r="H364" s="3" t="s">
        <v>12</v>
      </c>
      <c r="I364" s="3" t="s">
        <v>13</v>
      </c>
    </row>
    <row r="365" spans="1:9" ht="409.5" x14ac:dyDescent="0.4">
      <c r="A365" s="6" t="s">
        <v>1075</v>
      </c>
      <c r="B365" s="4" t="s">
        <v>1076</v>
      </c>
      <c r="C365" s="4" t="s">
        <v>1077</v>
      </c>
      <c r="D365" s="4" t="s">
        <v>12</v>
      </c>
      <c r="E365" s="4" t="s">
        <v>12</v>
      </c>
      <c r="F365" s="4" t="s">
        <v>13</v>
      </c>
      <c r="G365" s="4" t="s">
        <v>13</v>
      </c>
      <c r="H365" s="4" t="s">
        <v>13</v>
      </c>
      <c r="I365" s="4" t="s">
        <v>13</v>
      </c>
    </row>
    <row r="366" spans="1:9" ht="159.5" x14ac:dyDescent="0.4">
      <c r="A366" s="5" t="s">
        <v>1078</v>
      </c>
      <c r="B366" s="3" t="s">
        <v>1079</v>
      </c>
      <c r="C366" s="3" t="s">
        <v>1080</v>
      </c>
      <c r="D366" s="3" t="s">
        <v>13</v>
      </c>
      <c r="E366" s="3" t="s">
        <v>13</v>
      </c>
      <c r="F366" s="3" t="s">
        <v>13</v>
      </c>
      <c r="G366" s="3" t="s">
        <v>12</v>
      </c>
      <c r="H366" s="3" t="s">
        <v>13</v>
      </c>
      <c r="I366" s="3" t="s">
        <v>13</v>
      </c>
    </row>
    <row r="367" spans="1:9" ht="409.5" x14ac:dyDescent="0.4">
      <c r="A367" s="6" t="s">
        <v>1081</v>
      </c>
      <c r="B367" s="4" t="s">
        <v>1082</v>
      </c>
      <c r="C367" s="4" t="s">
        <v>1083</v>
      </c>
      <c r="D367" s="4" t="s">
        <v>13</v>
      </c>
      <c r="E367" s="4" t="s">
        <v>12</v>
      </c>
      <c r="F367" s="4" t="s">
        <v>13</v>
      </c>
      <c r="G367" s="4" t="s">
        <v>13</v>
      </c>
      <c r="H367" s="4" t="s">
        <v>13</v>
      </c>
      <c r="I367" s="4" t="s">
        <v>13</v>
      </c>
    </row>
    <row r="368" spans="1:9" ht="409.5" x14ac:dyDescent="0.4">
      <c r="A368" s="5" t="s">
        <v>1084</v>
      </c>
      <c r="B368" s="3" t="s">
        <v>1085</v>
      </c>
      <c r="C368" s="3" t="s">
        <v>1086</v>
      </c>
      <c r="D368" s="3" t="s">
        <v>13</v>
      </c>
      <c r="E368" s="3" t="s">
        <v>13</v>
      </c>
      <c r="F368" s="3" t="s">
        <v>13</v>
      </c>
      <c r="G368" s="3" t="s">
        <v>13</v>
      </c>
      <c r="H368" s="3" t="s">
        <v>12</v>
      </c>
      <c r="I368" s="3" t="s">
        <v>13</v>
      </c>
    </row>
    <row r="369" spans="1:9" ht="409.5" x14ac:dyDescent="0.4">
      <c r="A369" s="6" t="s">
        <v>1087</v>
      </c>
      <c r="B369" s="4" t="s">
        <v>1088</v>
      </c>
      <c r="C369" s="4" t="s">
        <v>1089</v>
      </c>
      <c r="D369" s="4" t="s">
        <v>12</v>
      </c>
      <c r="E369" s="4" t="s">
        <v>12</v>
      </c>
      <c r="F369" s="4" t="s">
        <v>13</v>
      </c>
      <c r="G369" s="4" t="s">
        <v>13</v>
      </c>
      <c r="H369" s="4" t="s">
        <v>13</v>
      </c>
      <c r="I369" s="4" t="s">
        <v>13</v>
      </c>
    </row>
    <row r="370" spans="1:9" ht="409.5" x14ac:dyDescent="0.4">
      <c r="A370" s="5" t="s">
        <v>1090</v>
      </c>
      <c r="B370" s="3" t="s">
        <v>1091</v>
      </c>
      <c r="C370" s="3" t="s">
        <v>1092</v>
      </c>
      <c r="D370" s="3" t="s">
        <v>12</v>
      </c>
      <c r="E370" s="3" t="s">
        <v>12</v>
      </c>
      <c r="F370" s="3" t="s">
        <v>13</v>
      </c>
      <c r="G370" s="3" t="s">
        <v>12</v>
      </c>
      <c r="H370" s="3" t="s">
        <v>13</v>
      </c>
      <c r="I370" s="3" t="s">
        <v>13</v>
      </c>
    </row>
    <row r="371" spans="1:9" ht="377" x14ac:dyDescent="0.4">
      <c r="A371" s="6" t="s">
        <v>1093</v>
      </c>
      <c r="B371" s="4" t="s">
        <v>1094</v>
      </c>
      <c r="C371" s="4" t="s">
        <v>1095</v>
      </c>
      <c r="D371" s="4" t="s">
        <v>13</v>
      </c>
      <c r="E371" s="4" t="s">
        <v>13</v>
      </c>
      <c r="F371" s="4" t="s">
        <v>12</v>
      </c>
      <c r="G371" s="4" t="s">
        <v>12</v>
      </c>
      <c r="H371" s="4" t="s">
        <v>13</v>
      </c>
      <c r="I371" s="4" t="s">
        <v>13</v>
      </c>
    </row>
    <row r="372" spans="1:9" ht="159.5" x14ac:dyDescent="0.4">
      <c r="A372" s="5" t="s">
        <v>1096</v>
      </c>
      <c r="B372" s="3" t="s">
        <v>1097</v>
      </c>
      <c r="C372" s="3" t="s">
        <v>1098</v>
      </c>
      <c r="D372" s="3" t="s">
        <v>12</v>
      </c>
      <c r="E372" s="3" t="s">
        <v>12</v>
      </c>
      <c r="F372" s="3" t="s">
        <v>13</v>
      </c>
      <c r="G372" s="3" t="s">
        <v>13</v>
      </c>
      <c r="H372" s="3" t="s">
        <v>13</v>
      </c>
      <c r="I372" s="3" t="s">
        <v>13</v>
      </c>
    </row>
    <row r="373" spans="1:9" ht="348" x14ac:dyDescent="0.4">
      <c r="A373" s="6" t="s">
        <v>1099</v>
      </c>
      <c r="B373" s="4" t="s">
        <v>1100</v>
      </c>
      <c r="C373" s="4" t="s">
        <v>1101</v>
      </c>
      <c r="D373" s="4" t="s">
        <v>12</v>
      </c>
      <c r="E373" s="4" t="s">
        <v>12</v>
      </c>
      <c r="F373" s="4" t="s">
        <v>13</v>
      </c>
      <c r="G373" s="4" t="s">
        <v>13</v>
      </c>
      <c r="H373" s="4" t="s">
        <v>13</v>
      </c>
      <c r="I373" s="4" t="s">
        <v>13</v>
      </c>
    </row>
    <row r="374" spans="1:9" ht="409.5" x14ac:dyDescent="0.4">
      <c r="A374" s="5" t="s">
        <v>1102</v>
      </c>
      <c r="B374" s="3" t="s">
        <v>1103</v>
      </c>
      <c r="C374" s="3" t="s">
        <v>1104</v>
      </c>
      <c r="D374" s="3" t="s">
        <v>12</v>
      </c>
      <c r="E374" s="3" t="s">
        <v>12</v>
      </c>
      <c r="F374" s="3" t="s">
        <v>13</v>
      </c>
      <c r="G374" s="3" t="s">
        <v>13</v>
      </c>
      <c r="H374" s="3" t="s">
        <v>13</v>
      </c>
      <c r="I374" s="3" t="s">
        <v>13</v>
      </c>
    </row>
    <row r="375" spans="1:9" ht="409.5" x14ac:dyDescent="0.4">
      <c r="A375" s="6" t="s">
        <v>1105</v>
      </c>
      <c r="B375" s="4" t="s">
        <v>1106</v>
      </c>
      <c r="C375" s="4" t="s">
        <v>1107</v>
      </c>
      <c r="D375" s="4" t="s">
        <v>12</v>
      </c>
      <c r="E375" s="4" t="s">
        <v>12</v>
      </c>
      <c r="F375" s="4" t="s">
        <v>12</v>
      </c>
      <c r="G375" s="4" t="s">
        <v>12</v>
      </c>
      <c r="H375" s="4" t="s">
        <v>13</v>
      </c>
      <c r="I375" s="4" t="s">
        <v>13</v>
      </c>
    </row>
    <row r="376" spans="1:9" ht="409.5" x14ac:dyDescent="0.4">
      <c r="A376" s="5" t="s">
        <v>1108</v>
      </c>
      <c r="B376" s="3" t="s">
        <v>1109</v>
      </c>
      <c r="C376" s="3" t="s">
        <v>1110</v>
      </c>
      <c r="D376" s="3" t="s">
        <v>12</v>
      </c>
      <c r="E376" s="3" t="s">
        <v>12</v>
      </c>
      <c r="F376" s="3" t="s">
        <v>13</v>
      </c>
      <c r="G376" s="3" t="s">
        <v>13</v>
      </c>
      <c r="H376" s="3" t="s">
        <v>12</v>
      </c>
      <c r="I376" s="3" t="s">
        <v>13</v>
      </c>
    </row>
    <row r="377" spans="1:9" ht="333.5" x14ac:dyDescent="0.4">
      <c r="A377" s="6" t="s">
        <v>1111</v>
      </c>
      <c r="B377" s="4" t="s">
        <v>1112</v>
      </c>
      <c r="C377" s="4" t="s">
        <v>1113</v>
      </c>
      <c r="D377" s="4" t="s">
        <v>13</v>
      </c>
      <c r="E377" s="4" t="s">
        <v>12</v>
      </c>
      <c r="F377" s="4" t="s">
        <v>13</v>
      </c>
      <c r="G377" s="4" t="s">
        <v>13</v>
      </c>
      <c r="H377" s="4" t="s">
        <v>13</v>
      </c>
      <c r="I377" s="4" t="s">
        <v>13</v>
      </c>
    </row>
    <row r="378" spans="1:9" ht="409.5" x14ac:dyDescent="0.4">
      <c r="A378" s="5" t="s">
        <v>1114</v>
      </c>
      <c r="B378" s="3" t="s">
        <v>1115</v>
      </c>
      <c r="C378" s="3" t="s">
        <v>1116</v>
      </c>
      <c r="D378" s="3" t="s">
        <v>12</v>
      </c>
      <c r="E378" s="3" t="s">
        <v>12</v>
      </c>
      <c r="F378" s="3" t="s">
        <v>12</v>
      </c>
      <c r="G378" s="3" t="s">
        <v>13</v>
      </c>
      <c r="H378" s="3" t="s">
        <v>12</v>
      </c>
      <c r="I378" s="3" t="s">
        <v>13</v>
      </c>
    </row>
    <row r="379" spans="1:9" ht="409.5" x14ac:dyDescent="0.4">
      <c r="A379" s="6" t="s">
        <v>1117</v>
      </c>
      <c r="B379" s="4" t="s">
        <v>1118</v>
      </c>
      <c r="C379" s="4" t="s">
        <v>1119</v>
      </c>
      <c r="D379" s="4" t="s">
        <v>12</v>
      </c>
      <c r="E379" s="4" t="s">
        <v>13</v>
      </c>
      <c r="F379" s="4" t="s">
        <v>13</v>
      </c>
      <c r="G379" s="4" t="s">
        <v>12</v>
      </c>
      <c r="H379" s="4" t="s">
        <v>13</v>
      </c>
      <c r="I379" s="4" t="s">
        <v>13</v>
      </c>
    </row>
    <row r="380" spans="1:9" ht="275.5" x14ac:dyDescent="0.4">
      <c r="A380" s="5" t="s">
        <v>1120</v>
      </c>
      <c r="B380" s="3" t="s">
        <v>1121</v>
      </c>
      <c r="C380" s="3" t="s">
        <v>1122</v>
      </c>
      <c r="D380" s="3" t="s">
        <v>13</v>
      </c>
      <c r="E380" s="3" t="s">
        <v>12</v>
      </c>
      <c r="F380" s="3" t="s">
        <v>13</v>
      </c>
      <c r="G380" s="3" t="s">
        <v>13</v>
      </c>
      <c r="H380" s="3" t="s">
        <v>13</v>
      </c>
      <c r="I380" s="3" t="s">
        <v>12</v>
      </c>
    </row>
    <row r="381" spans="1:9" ht="159.5" x14ac:dyDescent="0.4">
      <c r="A381" s="6" t="s">
        <v>1123</v>
      </c>
      <c r="B381" s="4" t="s">
        <v>1124</v>
      </c>
      <c r="C381" s="4" t="s">
        <v>1125</v>
      </c>
      <c r="D381" s="4" t="s">
        <v>12</v>
      </c>
      <c r="E381" s="4" t="s">
        <v>12</v>
      </c>
      <c r="F381" s="4" t="s">
        <v>13</v>
      </c>
      <c r="G381" s="4" t="s">
        <v>13</v>
      </c>
      <c r="H381" s="4" t="s">
        <v>13</v>
      </c>
      <c r="I381" s="4" t="s">
        <v>13</v>
      </c>
    </row>
    <row r="382" spans="1:9" ht="203" x14ac:dyDescent="0.4">
      <c r="A382" s="5" t="s">
        <v>1126</v>
      </c>
      <c r="B382" s="3" t="s">
        <v>1127</v>
      </c>
      <c r="C382" s="3" t="s">
        <v>1128</v>
      </c>
      <c r="D382" s="3" t="s">
        <v>12</v>
      </c>
      <c r="E382" s="3" t="s">
        <v>12</v>
      </c>
      <c r="F382" s="3" t="s">
        <v>12</v>
      </c>
      <c r="G382" s="3" t="s">
        <v>13</v>
      </c>
      <c r="H382" s="3" t="s">
        <v>12</v>
      </c>
      <c r="I382" s="3" t="s">
        <v>13</v>
      </c>
    </row>
    <row r="383" spans="1:9" ht="116" x14ac:dyDescent="0.4">
      <c r="A383" s="6" t="s">
        <v>1129</v>
      </c>
      <c r="B383" s="4" t="s">
        <v>1130</v>
      </c>
      <c r="C383" s="4" t="s">
        <v>1131</v>
      </c>
      <c r="D383" s="4" t="s">
        <v>12</v>
      </c>
      <c r="E383" s="4" t="s">
        <v>13</v>
      </c>
      <c r="F383" s="4" t="s">
        <v>13</v>
      </c>
      <c r="G383" s="4" t="s">
        <v>13</v>
      </c>
      <c r="H383" s="4" t="s">
        <v>13</v>
      </c>
      <c r="I383" s="4" t="s">
        <v>13</v>
      </c>
    </row>
    <row r="384" spans="1:9" ht="130.5" x14ac:dyDescent="0.4">
      <c r="A384" s="5" t="s">
        <v>1132</v>
      </c>
      <c r="B384" s="3" t="s">
        <v>1133</v>
      </c>
      <c r="C384" s="3" t="s">
        <v>1134</v>
      </c>
      <c r="D384" s="3" t="s">
        <v>12</v>
      </c>
      <c r="E384" s="3" t="s">
        <v>13</v>
      </c>
      <c r="F384" s="3" t="s">
        <v>13</v>
      </c>
      <c r="G384" s="3" t="s">
        <v>13</v>
      </c>
      <c r="H384" s="3" t="s">
        <v>13</v>
      </c>
      <c r="I384" s="3" t="s">
        <v>13</v>
      </c>
    </row>
    <row r="385" spans="1:9" ht="409.5" x14ac:dyDescent="0.4">
      <c r="A385" s="6" t="s">
        <v>1135</v>
      </c>
      <c r="B385" s="4" t="s">
        <v>1136</v>
      </c>
      <c r="C385" s="4" t="s">
        <v>1137</v>
      </c>
      <c r="D385" s="4" t="s">
        <v>12</v>
      </c>
      <c r="E385" s="4" t="s">
        <v>12</v>
      </c>
      <c r="F385" s="4" t="s">
        <v>12</v>
      </c>
      <c r="G385" s="4" t="s">
        <v>13</v>
      </c>
      <c r="H385" s="4" t="s">
        <v>13</v>
      </c>
      <c r="I385" s="4" t="s">
        <v>13</v>
      </c>
    </row>
    <row r="386" spans="1:9" ht="116" x14ac:dyDescent="0.4">
      <c r="A386" s="5" t="s">
        <v>1138</v>
      </c>
      <c r="B386" s="3" t="s">
        <v>1139</v>
      </c>
      <c r="C386" s="3" t="s">
        <v>1140</v>
      </c>
      <c r="D386" s="3" t="s">
        <v>12</v>
      </c>
      <c r="E386" s="3" t="s">
        <v>13</v>
      </c>
      <c r="F386" s="3" t="s">
        <v>13</v>
      </c>
      <c r="G386" s="3" t="s">
        <v>13</v>
      </c>
      <c r="H386" s="3" t="s">
        <v>13</v>
      </c>
      <c r="I386" s="3" t="s">
        <v>13</v>
      </c>
    </row>
    <row r="387" spans="1:9" ht="116" x14ac:dyDescent="0.4">
      <c r="A387" s="6" t="s">
        <v>1141</v>
      </c>
      <c r="B387" s="4" t="s">
        <v>1142</v>
      </c>
      <c r="C387" s="4" t="s">
        <v>1143</v>
      </c>
      <c r="D387" s="4" t="s">
        <v>12</v>
      </c>
      <c r="E387" s="4" t="s">
        <v>13</v>
      </c>
      <c r="F387" s="4" t="s">
        <v>13</v>
      </c>
      <c r="G387" s="4" t="s">
        <v>13</v>
      </c>
      <c r="H387" s="4" t="s">
        <v>13</v>
      </c>
      <c r="I387" s="4" t="s">
        <v>13</v>
      </c>
    </row>
    <row r="388" spans="1:9" ht="304.5" x14ac:dyDescent="0.4">
      <c r="A388" s="5" t="s">
        <v>1144</v>
      </c>
      <c r="B388" s="3" t="s">
        <v>1145</v>
      </c>
      <c r="C388" s="3" t="s">
        <v>1146</v>
      </c>
      <c r="D388" s="3" t="s">
        <v>12</v>
      </c>
      <c r="E388" s="3" t="s">
        <v>12</v>
      </c>
      <c r="F388" s="3" t="s">
        <v>12</v>
      </c>
      <c r="G388" s="3" t="s">
        <v>13</v>
      </c>
      <c r="H388" s="3" t="s">
        <v>13</v>
      </c>
      <c r="I388" s="3" t="s">
        <v>13</v>
      </c>
    </row>
    <row r="389" spans="1:9" ht="275.5" x14ac:dyDescent="0.4">
      <c r="A389" s="6" t="s">
        <v>1147</v>
      </c>
      <c r="B389" s="4" t="s">
        <v>1148</v>
      </c>
      <c r="C389" s="4" t="s">
        <v>1149</v>
      </c>
      <c r="D389" s="4" t="s">
        <v>12</v>
      </c>
      <c r="E389" s="4" t="s">
        <v>13</v>
      </c>
      <c r="F389" s="4" t="s">
        <v>13</v>
      </c>
      <c r="G389" s="4" t="s">
        <v>13</v>
      </c>
      <c r="H389" s="4" t="s">
        <v>12</v>
      </c>
      <c r="I389" s="4" t="s">
        <v>13</v>
      </c>
    </row>
    <row r="390" spans="1:9" ht="130.5" x14ac:dyDescent="0.4">
      <c r="A390" s="5" t="s">
        <v>1150</v>
      </c>
      <c r="B390" s="3" t="s">
        <v>1151</v>
      </c>
      <c r="C390" s="3" t="s">
        <v>1152</v>
      </c>
      <c r="D390" s="3" t="s">
        <v>12</v>
      </c>
      <c r="E390" s="3" t="s">
        <v>13</v>
      </c>
      <c r="F390" s="3" t="s">
        <v>13</v>
      </c>
      <c r="G390" s="3" t="s">
        <v>13</v>
      </c>
      <c r="H390" s="3" t="s">
        <v>13</v>
      </c>
      <c r="I390" s="3" t="s">
        <v>13</v>
      </c>
    </row>
    <row r="391" spans="1:9" ht="409.5" x14ac:dyDescent="0.4">
      <c r="A391" s="6" t="s">
        <v>1153</v>
      </c>
      <c r="B391" s="4" t="s">
        <v>1154</v>
      </c>
      <c r="C391" s="4" t="s">
        <v>1155</v>
      </c>
      <c r="D391" s="4" t="s">
        <v>12</v>
      </c>
      <c r="E391" s="4" t="s">
        <v>12</v>
      </c>
      <c r="F391" s="4" t="s">
        <v>13</v>
      </c>
      <c r="G391" s="4" t="s">
        <v>13</v>
      </c>
      <c r="H391" s="4" t="s">
        <v>13</v>
      </c>
      <c r="I391" s="4" t="s">
        <v>13</v>
      </c>
    </row>
    <row r="392" spans="1:9" ht="217.5" x14ac:dyDescent="0.4">
      <c r="A392" s="5" t="s">
        <v>1156</v>
      </c>
      <c r="B392" s="3" t="s">
        <v>1157</v>
      </c>
      <c r="C392" s="3" t="s">
        <v>1158</v>
      </c>
      <c r="D392" s="3" t="s">
        <v>13</v>
      </c>
      <c r="E392" s="3" t="s">
        <v>13</v>
      </c>
      <c r="F392" s="3" t="s">
        <v>13</v>
      </c>
      <c r="G392" s="3" t="s">
        <v>12</v>
      </c>
      <c r="H392" s="3" t="s">
        <v>13</v>
      </c>
      <c r="I392" s="3" t="s">
        <v>12</v>
      </c>
    </row>
    <row r="393" spans="1:9" ht="43.5" x14ac:dyDescent="0.4">
      <c r="A393" s="6" t="s">
        <v>1159</v>
      </c>
      <c r="B393" s="4" t="s">
        <v>1160</v>
      </c>
      <c r="C393" s="4" t="s">
        <v>1161</v>
      </c>
      <c r="D393" s="4" t="s">
        <v>12</v>
      </c>
      <c r="E393" s="4" t="s">
        <v>13</v>
      </c>
      <c r="F393" s="4" t="s">
        <v>13</v>
      </c>
      <c r="G393" s="4" t="s">
        <v>13</v>
      </c>
      <c r="H393" s="4" t="s">
        <v>13</v>
      </c>
      <c r="I393" s="4" t="s">
        <v>13</v>
      </c>
    </row>
    <row r="394" spans="1:9" ht="116" x14ac:dyDescent="0.4">
      <c r="A394" s="5" t="s">
        <v>1162</v>
      </c>
      <c r="B394" s="3" t="s">
        <v>1163</v>
      </c>
      <c r="C394" s="3" t="s">
        <v>1164</v>
      </c>
      <c r="D394" s="3" t="s">
        <v>12</v>
      </c>
      <c r="E394" s="3" t="s">
        <v>13</v>
      </c>
      <c r="F394" s="3" t="s">
        <v>13</v>
      </c>
      <c r="G394" s="3" t="s">
        <v>13</v>
      </c>
      <c r="H394" s="3" t="s">
        <v>13</v>
      </c>
      <c r="I394" s="3" t="s">
        <v>13</v>
      </c>
    </row>
    <row r="395" spans="1:9" ht="174" x14ac:dyDescent="0.4">
      <c r="A395" s="6" t="s">
        <v>1165</v>
      </c>
      <c r="B395" s="4" t="s">
        <v>1166</v>
      </c>
      <c r="C395" s="4" t="s">
        <v>1167</v>
      </c>
      <c r="D395" s="4" t="s">
        <v>12</v>
      </c>
      <c r="E395" s="4" t="s">
        <v>12</v>
      </c>
      <c r="F395" s="4" t="s">
        <v>13</v>
      </c>
      <c r="G395" s="4" t="s">
        <v>13</v>
      </c>
      <c r="H395" s="4" t="s">
        <v>13</v>
      </c>
      <c r="I395" s="4" t="s">
        <v>12</v>
      </c>
    </row>
    <row r="396" spans="1:9" ht="87" x14ac:dyDescent="0.4">
      <c r="A396" s="5" t="s">
        <v>1168</v>
      </c>
      <c r="B396" s="3" t="s">
        <v>1169</v>
      </c>
      <c r="C396" s="3" t="s">
        <v>1170</v>
      </c>
      <c r="D396" s="3" t="s">
        <v>13</v>
      </c>
      <c r="E396" s="3" t="s">
        <v>12</v>
      </c>
      <c r="F396" s="3" t="s">
        <v>13</v>
      </c>
      <c r="G396" s="3" t="s">
        <v>13</v>
      </c>
      <c r="H396" s="3" t="s">
        <v>12</v>
      </c>
      <c r="I396" s="3" t="s">
        <v>13</v>
      </c>
    </row>
    <row r="397" spans="1:9" ht="159.5" x14ac:dyDescent="0.4">
      <c r="A397" s="6" t="s">
        <v>1171</v>
      </c>
      <c r="B397" s="4" t="s">
        <v>1172</v>
      </c>
      <c r="C397" s="4" t="s">
        <v>1173</v>
      </c>
      <c r="D397" s="4" t="s">
        <v>13</v>
      </c>
      <c r="E397" s="4" t="s">
        <v>13</v>
      </c>
      <c r="F397" s="4" t="s">
        <v>13</v>
      </c>
      <c r="G397" s="4" t="s">
        <v>13</v>
      </c>
      <c r="H397" s="4" t="s">
        <v>12</v>
      </c>
      <c r="I397" s="4" t="s">
        <v>13</v>
      </c>
    </row>
    <row r="398" spans="1:9" ht="409.5" x14ac:dyDescent="0.4">
      <c r="A398" s="5" t="s">
        <v>1174</v>
      </c>
      <c r="B398" s="3" t="s">
        <v>1175</v>
      </c>
      <c r="C398" s="3" t="s">
        <v>1176</v>
      </c>
      <c r="D398" s="3" t="s">
        <v>12</v>
      </c>
      <c r="E398" s="3" t="s">
        <v>12</v>
      </c>
      <c r="F398" s="3" t="s">
        <v>13</v>
      </c>
      <c r="G398" s="3" t="s">
        <v>13</v>
      </c>
      <c r="H398" s="3" t="s">
        <v>12</v>
      </c>
      <c r="I398" s="3" t="s">
        <v>13</v>
      </c>
    </row>
    <row r="399" spans="1:9" ht="232" x14ac:dyDescent="0.4">
      <c r="A399" s="6" t="s">
        <v>1177</v>
      </c>
      <c r="B399" s="4" t="s">
        <v>1178</v>
      </c>
      <c r="C399" s="4" t="s">
        <v>1179</v>
      </c>
      <c r="D399" s="4" t="s">
        <v>12</v>
      </c>
      <c r="E399" s="4" t="s">
        <v>13</v>
      </c>
      <c r="F399" s="4" t="s">
        <v>13</v>
      </c>
      <c r="G399" s="4" t="s">
        <v>13</v>
      </c>
      <c r="H399" s="4" t="s">
        <v>13</v>
      </c>
      <c r="I399" s="4" t="s">
        <v>13</v>
      </c>
    </row>
    <row r="400" spans="1:9" ht="409.5" x14ac:dyDescent="0.4">
      <c r="A400" s="5" t="s">
        <v>1180</v>
      </c>
      <c r="B400" s="3" t="s">
        <v>1181</v>
      </c>
      <c r="C400" s="3" t="s">
        <v>1182</v>
      </c>
      <c r="D400" s="3" t="s">
        <v>12</v>
      </c>
      <c r="E400" s="3" t="s">
        <v>12</v>
      </c>
      <c r="F400" s="3" t="s">
        <v>13</v>
      </c>
      <c r="G400" s="3" t="s">
        <v>13</v>
      </c>
      <c r="H400" s="3" t="s">
        <v>13</v>
      </c>
      <c r="I400" s="3" t="s">
        <v>13</v>
      </c>
    </row>
    <row r="401" spans="1:9" ht="290" x14ac:dyDescent="0.4">
      <c r="A401" s="6" t="s">
        <v>1183</v>
      </c>
      <c r="B401" s="4" t="s">
        <v>1184</v>
      </c>
      <c r="C401" s="4" t="s">
        <v>1185</v>
      </c>
      <c r="D401" s="4" t="s">
        <v>12</v>
      </c>
      <c r="E401" s="4" t="s">
        <v>13</v>
      </c>
      <c r="F401" s="4" t="s">
        <v>13</v>
      </c>
      <c r="G401" s="4" t="s">
        <v>13</v>
      </c>
      <c r="H401" s="4" t="s">
        <v>13</v>
      </c>
      <c r="I401" s="4" t="s">
        <v>13</v>
      </c>
    </row>
    <row r="402" spans="1:9" ht="29" x14ac:dyDescent="0.4">
      <c r="A402" s="5" t="s">
        <v>1186</v>
      </c>
      <c r="B402" s="3" t="s">
        <v>1187</v>
      </c>
      <c r="C402" s="3" t="s">
        <v>1188</v>
      </c>
      <c r="D402" s="3" t="s">
        <v>12</v>
      </c>
      <c r="E402" s="3" t="s">
        <v>12</v>
      </c>
      <c r="F402" s="3" t="s">
        <v>12</v>
      </c>
      <c r="G402" s="3" t="s">
        <v>13</v>
      </c>
      <c r="H402" s="3" t="s">
        <v>13</v>
      </c>
      <c r="I402" s="3" t="s">
        <v>13</v>
      </c>
    </row>
    <row r="403" spans="1:9" ht="246.5" x14ac:dyDescent="0.4">
      <c r="A403" s="6" t="s">
        <v>1189</v>
      </c>
      <c r="B403" s="4" t="s">
        <v>1190</v>
      </c>
      <c r="C403" s="4"/>
      <c r="D403" s="4" t="s">
        <v>12</v>
      </c>
      <c r="E403" s="4" t="s">
        <v>13</v>
      </c>
      <c r="F403" s="4" t="s">
        <v>13</v>
      </c>
      <c r="G403" s="4" t="s">
        <v>13</v>
      </c>
      <c r="H403" s="4" t="s">
        <v>13</v>
      </c>
      <c r="I403" s="4" t="s">
        <v>13</v>
      </c>
    </row>
    <row r="404" spans="1:9" ht="409.5" x14ac:dyDescent="0.4">
      <c r="A404" s="5" t="s">
        <v>1191</v>
      </c>
      <c r="B404" s="3" t="s">
        <v>1192</v>
      </c>
      <c r="C404" s="3" t="s">
        <v>1193</v>
      </c>
      <c r="D404" s="3" t="s">
        <v>12</v>
      </c>
      <c r="E404" s="3" t="s">
        <v>12</v>
      </c>
      <c r="F404" s="3" t="s">
        <v>13</v>
      </c>
      <c r="G404" s="3" t="s">
        <v>12</v>
      </c>
      <c r="H404" s="3" t="s">
        <v>13</v>
      </c>
      <c r="I404" s="3" t="s">
        <v>13</v>
      </c>
    </row>
    <row r="405" spans="1:9" ht="261" x14ac:dyDescent="0.4">
      <c r="A405" s="6" t="s">
        <v>1194</v>
      </c>
      <c r="B405" s="4" t="s">
        <v>1195</v>
      </c>
      <c r="C405" s="4" t="s">
        <v>1196</v>
      </c>
      <c r="D405" s="4" t="s">
        <v>12</v>
      </c>
      <c r="E405" s="4" t="s">
        <v>13</v>
      </c>
      <c r="F405" s="4" t="s">
        <v>13</v>
      </c>
      <c r="G405" s="4" t="s">
        <v>13</v>
      </c>
      <c r="H405" s="4" t="s">
        <v>13</v>
      </c>
      <c r="I405" s="4" t="s">
        <v>13</v>
      </c>
    </row>
    <row r="406" spans="1:9" ht="101.5" x14ac:dyDescent="0.4">
      <c r="A406" s="5" t="s">
        <v>1197</v>
      </c>
      <c r="B406" s="3" t="s">
        <v>1198</v>
      </c>
      <c r="C406" s="3" t="s">
        <v>1199</v>
      </c>
      <c r="D406" s="3" t="s">
        <v>12</v>
      </c>
      <c r="E406" s="3" t="s">
        <v>12</v>
      </c>
      <c r="F406" s="3" t="s">
        <v>13</v>
      </c>
      <c r="G406" s="3" t="s">
        <v>13</v>
      </c>
      <c r="H406" s="3" t="s">
        <v>13</v>
      </c>
      <c r="I406" s="3" t="s">
        <v>13</v>
      </c>
    </row>
    <row r="407" spans="1:9" ht="409.5" x14ac:dyDescent="0.4">
      <c r="A407" s="6" t="s">
        <v>1200</v>
      </c>
      <c r="B407" s="4" t="s">
        <v>1201</v>
      </c>
      <c r="C407" s="4" t="s">
        <v>1202</v>
      </c>
      <c r="D407" s="4" t="s">
        <v>12</v>
      </c>
      <c r="E407" s="4" t="s">
        <v>12</v>
      </c>
      <c r="F407" s="4" t="s">
        <v>12</v>
      </c>
      <c r="G407" s="4" t="s">
        <v>13</v>
      </c>
      <c r="H407" s="4" t="s">
        <v>12</v>
      </c>
      <c r="I407" s="4" t="s">
        <v>13</v>
      </c>
    </row>
    <row r="408" spans="1:9" ht="409.5" x14ac:dyDescent="0.4">
      <c r="A408" s="5" t="s">
        <v>1203</v>
      </c>
      <c r="B408" s="3" t="s">
        <v>1204</v>
      </c>
      <c r="C408" s="3" t="s">
        <v>1205</v>
      </c>
      <c r="D408" s="3" t="s">
        <v>13</v>
      </c>
      <c r="E408" s="3" t="s">
        <v>13</v>
      </c>
      <c r="F408" s="3" t="s">
        <v>13</v>
      </c>
      <c r="G408" s="3" t="s">
        <v>12</v>
      </c>
      <c r="H408" s="3" t="s">
        <v>13</v>
      </c>
      <c r="I408" s="3" t="s">
        <v>13</v>
      </c>
    </row>
    <row r="409" spans="1:9" ht="409.5" x14ac:dyDescent="0.4">
      <c r="A409" s="6" t="s">
        <v>1206</v>
      </c>
      <c r="B409" s="4" t="s">
        <v>1207</v>
      </c>
      <c r="C409" s="4" t="s">
        <v>1208</v>
      </c>
      <c r="D409" s="4" t="s">
        <v>13</v>
      </c>
      <c r="E409" s="4" t="s">
        <v>12</v>
      </c>
      <c r="F409" s="4" t="s">
        <v>13</v>
      </c>
      <c r="G409" s="4" t="s">
        <v>13</v>
      </c>
      <c r="H409" s="4" t="s">
        <v>13</v>
      </c>
      <c r="I409" s="4" t="s">
        <v>13</v>
      </c>
    </row>
    <row r="410" spans="1:9" ht="409.5" x14ac:dyDescent="0.4">
      <c r="A410" s="5" t="s">
        <v>1209</v>
      </c>
      <c r="B410" s="3" t="s">
        <v>1210</v>
      </c>
      <c r="C410" s="3" t="s">
        <v>1211</v>
      </c>
      <c r="D410" s="3" t="s">
        <v>12</v>
      </c>
      <c r="E410" s="3" t="s">
        <v>12</v>
      </c>
      <c r="F410" s="3" t="s">
        <v>13</v>
      </c>
      <c r="G410" s="3" t="s">
        <v>13</v>
      </c>
      <c r="H410" s="3" t="s">
        <v>13</v>
      </c>
      <c r="I410" s="3" t="s">
        <v>13</v>
      </c>
    </row>
    <row r="411" spans="1:9" ht="409.5" x14ac:dyDescent="0.4">
      <c r="A411" s="6" t="s">
        <v>1212</v>
      </c>
      <c r="B411" s="4" t="s">
        <v>1213</v>
      </c>
      <c r="C411" s="4" t="s">
        <v>1214</v>
      </c>
      <c r="D411" s="4" t="s">
        <v>12</v>
      </c>
      <c r="E411" s="4" t="s">
        <v>13</v>
      </c>
      <c r="F411" s="4" t="s">
        <v>13</v>
      </c>
      <c r="G411" s="4" t="s">
        <v>13</v>
      </c>
      <c r="H411" s="4" t="s">
        <v>12</v>
      </c>
      <c r="I411" s="4" t="s">
        <v>12</v>
      </c>
    </row>
    <row r="412" spans="1:9" ht="409.5" x14ac:dyDescent="0.4">
      <c r="A412" s="5" t="s">
        <v>1215</v>
      </c>
      <c r="B412" s="3" t="s">
        <v>1216</v>
      </c>
      <c r="C412" s="3" t="s">
        <v>1217</v>
      </c>
      <c r="D412" s="3" t="s">
        <v>12</v>
      </c>
      <c r="E412" s="3" t="s">
        <v>12</v>
      </c>
      <c r="F412" s="3" t="s">
        <v>13</v>
      </c>
      <c r="G412" s="3" t="s">
        <v>13</v>
      </c>
      <c r="H412" s="3" t="s">
        <v>13</v>
      </c>
      <c r="I412" s="3" t="s">
        <v>13</v>
      </c>
    </row>
    <row r="413" spans="1:9" ht="409.5" x14ac:dyDescent="0.4">
      <c r="A413" s="6" t="s">
        <v>1218</v>
      </c>
      <c r="B413" s="4" t="s">
        <v>1219</v>
      </c>
      <c r="C413" s="4"/>
      <c r="D413" s="4" t="s">
        <v>12</v>
      </c>
      <c r="E413" s="4" t="s">
        <v>13</v>
      </c>
      <c r="F413" s="4" t="s">
        <v>13</v>
      </c>
      <c r="G413" s="4" t="s">
        <v>13</v>
      </c>
      <c r="H413" s="4" t="s">
        <v>13</v>
      </c>
      <c r="I413" s="4" t="s">
        <v>13</v>
      </c>
    </row>
    <row r="414" spans="1:9" ht="246.5" x14ac:dyDescent="0.4">
      <c r="A414" s="5" t="s">
        <v>1220</v>
      </c>
      <c r="B414" s="3" t="s">
        <v>1221</v>
      </c>
      <c r="C414" s="3" t="s">
        <v>1222</v>
      </c>
      <c r="D414" s="3" t="s">
        <v>13</v>
      </c>
      <c r="E414" s="3" t="s">
        <v>13</v>
      </c>
      <c r="F414" s="3" t="s">
        <v>13</v>
      </c>
      <c r="G414" s="3" t="s">
        <v>12</v>
      </c>
      <c r="H414" s="3" t="s">
        <v>13</v>
      </c>
      <c r="I414" s="3" t="s">
        <v>13</v>
      </c>
    </row>
    <row r="415" spans="1:9" ht="116" x14ac:dyDescent="0.4">
      <c r="A415" s="6" t="s">
        <v>1223</v>
      </c>
      <c r="B415" s="4" t="s">
        <v>1224</v>
      </c>
      <c r="C415" s="4" t="s">
        <v>1225</v>
      </c>
      <c r="D415" s="4" t="s">
        <v>13</v>
      </c>
      <c r="E415" s="4" t="s">
        <v>13</v>
      </c>
      <c r="F415" s="4" t="s">
        <v>13</v>
      </c>
      <c r="G415" s="4" t="s">
        <v>13</v>
      </c>
      <c r="H415" s="4" t="s">
        <v>13</v>
      </c>
      <c r="I415" s="4" t="s">
        <v>12</v>
      </c>
    </row>
    <row r="416" spans="1:9" ht="87" x14ac:dyDescent="0.4">
      <c r="A416" s="5" t="s">
        <v>1226</v>
      </c>
      <c r="B416" s="3" t="s">
        <v>1226</v>
      </c>
      <c r="C416" s="3" t="s">
        <v>1227</v>
      </c>
      <c r="D416" s="3" t="s">
        <v>12</v>
      </c>
      <c r="E416" s="3" t="s">
        <v>12</v>
      </c>
      <c r="F416" s="3" t="s">
        <v>12</v>
      </c>
      <c r="G416" s="3" t="s">
        <v>12</v>
      </c>
      <c r="H416" s="3" t="s">
        <v>12</v>
      </c>
      <c r="I416" s="3" t="s">
        <v>13</v>
      </c>
    </row>
    <row r="417" spans="1:9" ht="348" x14ac:dyDescent="0.4">
      <c r="A417" s="6" t="s">
        <v>1228</v>
      </c>
      <c r="B417" s="4" t="s">
        <v>1229</v>
      </c>
      <c r="C417" s="4" t="s">
        <v>1230</v>
      </c>
      <c r="D417" s="4" t="s">
        <v>12</v>
      </c>
      <c r="E417" s="4" t="s">
        <v>13</v>
      </c>
      <c r="F417" s="4" t="s">
        <v>13</v>
      </c>
      <c r="G417" s="4" t="s">
        <v>13</v>
      </c>
      <c r="H417" s="4" t="s">
        <v>13</v>
      </c>
      <c r="I417" s="4" t="s">
        <v>13</v>
      </c>
    </row>
    <row r="418" spans="1:9" ht="409.5" x14ac:dyDescent="0.4">
      <c r="A418" s="5" t="s">
        <v>1231</v>
      </c>
      <c r="B418" s="3" t="s">
        <v>1232</v>
      </c>
      <c r="C418" s="3" t="s">
        <v>1233</v>
      </c>
      <c r="D418" s="3" t="s">
        <v>13</v>
      </c>
      <c r="E418" s="3" t="s">
        <v>12</v>
      </c>
      <c r="F418" s="3" t="s">
        <v>13</v>
      </c>
      <c r="G418" s="3" t="s">
        <v>12</v>
      </c>
      <c r="H418" s="3" t="s">
        <v>13</v>
      </c>
      <c r="I418" s="3" t="s">
        <v>13</v>
      </c>
    </row>
    <row r="419" spans="1:9" ht="145" x14ac:dyDescent="0.4">
      <c r="A419" s="6" t="s">
        <v>1234</v>
      </c>
      <c r="B419" s="4" t="s">
        <v>1235</v>
      </c>
      <c r="C419" s="4" t="s">
        <v>1236</v>
      </c>
      <c r="D419" s="4" t="s">
        <v>12</v>
      </c>
      <c r="E419" s="4" t="s">
        <v>13</v>
      </c>
      <c r="F419" s="4" t="s">
        <v>13</v>
      </c>
      <c r="G419" s="4" t="s">
        <v>12</v>
      </c>
      <c r="H419" s="4" t="s">
        <v>13</v>
      </c>
      <c r="I419" s="4" t="s">
        <v>13</v>
      </c>
    </row>
    <row r="420" spans="1:9" ht="188.5" x14ac:dyDescent="0.4">
      <c r="A420" s="5" t="s">
        <v>1237</v>
      </c>
      <c r="B420" s="3" t="s">
        <v>1238</v>
      </c>
      <c r="C420" s="3" t="s">
        <v>1239</v>
      </c>
      <c r="D420" s="3" t="s">
        <v>12</v>
      </c>
      <c r="E420" s="3" t="s">
        <v>12</v>
      </c>
      <c r="F420" s="3" t="s">
        <v>13</v>
      </c>
      <c r="G420" s="3" t="s">
        <v>12</v>
      </c>
      <c r="H420" s="3" t="s">
        <v>13</v>
      </c>
      <c r="I420" s="3" t="s">
        <v>13</v>
      </c>
    </row>
    <row r="421" spans="1:9" ht="348" x14ac:dyDescent="0.4">
      <c r="A421" s="6" t="s">
        <v>1240</v>
      </c>
      <c r="B421" s="4" t="s">
        <v>1241</v>
      </c>
      <c r="C421" s="4" t="s">
        <v>1242</v>
      </c>
      <c r="D421" s="4" t="s">
        <v>12</v>
      </c>
      <c r="E421" s="4" t="s">
        <v>13</v>
      </c>
      <c r="F421" s="4" t="s">
        <v>13</v>
      </c>
      <c r="G421" s="4" t="s">
        <v>13</v>
      </c>
      <c r="H421" s="4" t="s">
        <v>13</v>
      </c>
      <c r="I421" s="4" t="s">
        <v>13</v>
      </c>
    </row>
    <row r="422" spans="1:9" ht="362.5" x14ac:dyDescent="0.4">
      <c r="A422" s="5" t="s">
        <v>1243</v>
      </c>
      <c r="B422" s="3" t="s">
        <v>1244</v>
      </c>
      <c r="C422" s="3" t="s">
        <v>1245</v>
      </c>
      <c r="D422" s="3" t="s">
        <v>13</v>
      </c>
      <c r="E422" s="3" t="s">
        <v>13</v>
      </c>
      <c r="F422" s="3" t="s">
        <v>13</v>
      </c>
      <c r="G422" s="3" t="s">
        <v>12</v>
      </c>
      <c r="H422" s="3" t="s">
        <v>13</v>
      </c>
      <c r="I422" s="3" t="s">
        <v>13</v>
      </c>
    </row>
    <row r="423" spans="1:9" ht="409.5" x14ac:dyDescent="0.4">
      <c r="A423" s="6" t="s">
        <v>1246</v>
      </c>
      <c r="B423" s="4" t="s">
        <v>1247</v>
      </c>
      <c r="C423" s="4" t="s">
        <v>1248</v>
      </c>
      <c r="D423" s="4" t="s">
        <v>12</v>
      </c>
      <c r="E423" s="4" t="s">
        <v>12</v>
      </c>
      <c r="F423" s="4" t="s">
        <v>12</v>
      </c>
      <c r="G423" s="4" t="s">
        <v>13</v>
      </c>
      <c r="H423" s="4" t="s">
        <v>12</v>
      </c>
      <c r="I423" s="4" t="s">
        <v>13</v>
      </c>
    </row>
    <row r="424" spans="1:9" ht="409.5" x14ac:dyDescent="0.4">
      <c r="A424" s="5" t="s">
        <v>1249</v>
      </c>
      <c r="B424" s="3" t="s">
        <v>1250</v>
      </c>
      <c r="C424" s="3" t="s">
        <v>1251</v>
      </c>
      <c r="D424" s="3" t="s">
        <v>12</v>
      </c>
      <c r="E424" s="3" t="s">
        <v>12</v>
      </c>
      <c r="F424" s="3" t="s">
        <v>12</v>
      </c>
      <c r="G424" s="3" t="s">
        <v>13</v>
      </c>
      <c r="H424" s="3" t="s">
        <v>13</v>
      </c>
      <c r="I424" s="3" t="s">
        <v>13</v>
      </c>
    </row>
    <row r="425" spans="1:9" ht="87" x14ac:dyDescent="0.4">
      <c r="A425" s="6" t="s">
        <v>1252</v>
      </c>
      <c r="B425" s="4" t="s">
        <v>1253</v>
      </c>
      <c r="C425" s="4" t="s">
        <v>1254</v>
      </c>
      <c r="D425" s="4" t="s">
        <v>12</v>
      </c>
      <c r="E425" s="4" t="s">
        <v>12</v>
      </c>
      <c r="F425" s="4" t="s">
        <v>13</v>
      </c>
      <c r="G425" s="4"/>
      <c r="H425" s="4" t="s">
        <v>13</v>
      </c>
      <c r="I425" s="4" t="s">
        <v>13</v>
      </c>
    </row>
    <row r="426" spans="1:9" ht="409.5" x14ac:dyDescent="0.4">
      <c r="A426" s="5" t="s">
        <v>1255</v>
      </c>
      <c r="B426" s="3" t="s">
        <v>1256</v>
      </c>
      <c r="C426" s="3" t="s">
        <v>1257</v>
      </c>
      <c r="D426" s="3" t="s">
        <v>12</v>
      </c>
      <c r="E426" s="3" t="s">
        <v>12</v>
      </c>
      <c r="F426" s="3" t="s">
        <v>12</v>
      </c>
      <c r="G426" s="3" t="s">
        <v>12</v>
      </c>
      <c r="H426" s="3" t="s">
        <v>12</v>
      </c>
      <c r="I426" s="3" t="s">
        <v>13</v>
      </c>
    </row>
    <row r="427" spans="1:9" ht="87" x14ac:dyDescent="0.4">
      <c r="A427" s="6" t="s">
        <v>1258</v>
      </c>
      <c r="B427" s="4" t="s">
        <v>1259</v>
      </c>
      <c r="C427" s="4" t="s">
        <v>1260</v>
      </c>
      <c r="D427" s="4" t="s">
        <v>12</v>
      </c>
      <c r="E427" s="4" t="s">
        <v>12</v>
      </c>
      <c r="F427" s="4" t="s">
        <v>13</v>
      </c>
      <c r="G427" s="4" t="s">
        <v>13</v>
      </c>
      <c r="H427" s="4" t="s">
        <v>13</v>
      </c>
      <c r="I427" s="4" t="s">
        <v>13</v>
      </c>
    </row>
    <row r="428" spans="1:9" ht="130.5" x14ac:dyDescent="0.4">
      <c r="A428" s="5" t="s">
        <v>1261</v>
      </c>
      <c r="B428" s="3" t="s">
        <v>1262</v>
      </c>
      <c r="C428" s="3" t="s">
        <v>1263</v>
      </c>
      <c r="D428" s="3" t="s">
        <v>12</v>
      </c>
      <c r="E428" s="3" t="s">
        <v>13</v>
      </c>
      <c r="F428" s="3" t="s">
        <v>13</v>
      </c>
      <c r="G428" s="3" t="s">
        <v>13</v>
      </c>
      <c r="H428" s="3" t="s">
        <v>12</v>
      </c>
      <c r="I428" s="3" t="s">
        <v>13</v>
      </c>
    </row>
    <row r="429" spans="1:9" ht="217.5" x14ac:dyDescent="0.4">
      <c r="A429" s="6" t="s">
        <v>1264</v>
      </c>
      <c r="B429" s="4" t="s">
        <v>1265</v>
      </c>
      <c r="C429" s="4" t="s">
        <v>1266</v>
      </c>
      <c r="D429" s="4" t="s">
        <v>12</v>
      </c>
      <c r="E429" s="4" t="s">
        <v>12</v>
      </c>
      <c r="F429" s="4" t="s">
        <v>13</v>
      </c>
      <c r="G429" s="4" t="s">
        <v>12</v>
      </c>
      <c r="H429" s="4" t="s">
        <v>13</v>
      </c>
      <c r="I429" s="4" t="s">
        <v>13</v>
      </c>
    </row>
    <row r="430" spans="1:9" ht="217.5" x14ac:dyDescent="0.4">
      <c r="A430" s="5" t="s">
        <v>1267</v>
      </c>
      <c r="B430" s="3" t="s">
        <v>1268</v>
      </c>
      <c r="C430" s="3" t="s">
        <v>1269</v>
      </c>
      <c r="D430" s="3" t="s">
        <v>12</v>
      </c>
      <c r="E430" s="3" t="s">
        <v>12</v>
      </c>
      <c r="F430" s="3" t="s">
        <v>13</v>
      </c>
      <c r="G430" s="3" t="s">
        <v>12</v>
      </c>
      <c r="H430" s="3" t="s">
        <v>13</v>
      </c>
      <c r="I430" s="3" t="s">
        <v>13</v>
      </c>
    </row>
    <row r="431" spans="1:9" ht="232" x14ac:dyDescent="0.4">
      <c r="A431" s="6" t="s">
        <v>1270</v>
      </c>
      <c r="B431" s="4" t="s">
        <v>1271</v>
      </c>
      <c r="C431" s="4" t="s">
        <v>1272</v>
      </c>
      <c r="D431" s="4" t="s">
        <v>12</v>
      </c>
      <c r="E431" s="4" t="s">
        <v>13</v>
      </c>
      <c r="F431" s="4" t="s">
        <v>13</v>
      </c>
      <c r="G431" s="4" t="s">
        <v>13</v>
      </c>
      <c r="H431" s="4" t="s">
        <v>12</v>
      </c>
      <c r="I431" s="4" t="s">
        <v>13</v>
      </c>
    </row>
    <row r="432" spans="1:9" ht="159.5" x14ac:dyDescent="0.4">
      <c r="A432" s="5" t="s">
        <v>1273</v>
      </c>
      <c r="B432" s="3" t="s">
        <v>1274</v>
      </c>
      <c r="C432" s="3" t="s">
        <v>1275</v>
      </c>
      <c r="D432" s="3" t="s">
        <v>12</v>
      </c>
      <c r="E432" s="3" t="s">
        <v>12</v>
      </c>
      <c r="F432" s="3" t="s">
        <v>13</v>
      </c>
      <c r="G432" s="3" t="s">
        <v>12</v>
      </c>
      <c r="H432" s="3" t="s">
        <v>13</v>
      </c>
      <c r="I432" s="3" t="s">
        <v>13</v>
      </c>
    </row>
    <row r="433" spans="1:9" ht="217.5" x14ac:dyDescent="0.4">
      <c r="A433" s="6" t="s">
        <v>1276</v>
      </c>
      <c r="B433" s="4" t="s">
        <v>1277</v>
      </c>
      <c r="C433" s="4" t="s">
        <v>1278</v>
      </c>
      <c r="D433" s="4" t="s">
        <v>12</v>
      </c>
      <c r="E433" s="4" t="s">
        <v>12</v>
      </c>
      <c r="F433" s="4" t="s">
        <v>13</v>
      </c>
      <c r="G433" s="4" t="s">
        <v>13</v>
      </c>
      <c r="H433" s="4" t="s">
        <v>13</v>
      </c>
      <c r="I433" s="4" t="s">
        <v>13</v>
      </c>
    </row>
    <row r="434" spans="1:9" ht="145" x14ac:dyDescent="0.4">
      <c r="A434" s="5" t="s">
        <v>1279</v>
      </c>
      <c r="B434" s="3" t="s">
        <v>1280</v>
      </c>
      <c r="C434" s="3" t="s">
        <v>1281</v>
      </c>
      <c r="D434" s="3" t="s">
        <v>13</v>
      </c>
      <c r="E434" s="3" t="s">
        <v>13</v>
      </c>
      <c r="F434" s="3" t="s">
        <v>13</v>
      </c>
      <c r="G434" s="3" t="s">
        <v>13</v>
      </c>
      <c r="H434" s="3" t="s">
        <v>13</v>
      </c>
      <c r="I434" s="3" t="s">
        <v>12</v>
      </c>
    </row>
    <row r="435" spans="1:9" ht="72.5" x14ac:dyDescent="0.4">
      <c r="A435" s="6" t="s">
        <v>1282</v>
      </c>
      <c r="B435" s="4" t="s">
        <v>1283</v>
      </c>
      <c r="C435" s="4" t="s">
        <v>1284</v>
      </c>
      <c r="D435" s="4" t="s">
        <v>12</v>
      </c>
      <c r="E435" s="4" t="s">
        <v>13</v>
      </c>
      <c r="F435" s="4" t="s">
        <v>13</v>
      </c>
      <c r="G435" s="4" t="s">
        <v>13</v>
      </c>
      <c r="H435" s="4" t="s">
        <v>13</v>
      </c>
      <c r="I435" s="4" t="s">
        <v>13</v>
      </c>
    </row>
    <row r="436" spans="1:9" ht="43.5" x14ac:dyDescent="0.4">
      <c r="A436" s="5" t="s">
        <v>1285</v>
      </c>
      <c r="B436" s="3" t="s">
        <v>1286</v>
      </c>
      <c r="C436" s="3"/>
      <c r="D436" s="3" t="s">
        <v>12</v>
      </c>
      <c r="E436" s="3" t="s">
        <v>13</v>
      </c>
      <c r="F436" s="3" t="s">
        <v>13</v>
      </c>
      <c r="G436" s="3" t="s">
        <v>13</v>
      </c>
      <c r="H436" s="3" t="s">
        <v>13</v>
      </c>
      <c r="I436" s="3" t="s">
        <v>13</v>
      </c>
    </row>
    <row r="437" spans="1:9" ht="406" x14ac:dyDescent="0.4">
      <c r="A437" s="6" t="s">
        <v>1287</v>
      </c>
      <c r="B437" s="4" t="s">
        <v>1288</v>
      </c>
      <c r="C437" s="4" t="s">
        <v>1289</v>
      </c>
      <c r="D437" s="4" t="s">
        <v>13</v>
      </c>
      <c r="E437" s="4" t="s">
        <v>13</v>
      </c>
      <c r="F437" s="4" t="s">
        <v>13</v>
      </c>
      <c r="G437" s="4" t="s">
        <v>13</v>
      </c>
      <c r="H437" s="4" t="s">
        <v>12</v>
      </c>
      <c r="I437" s="4" t="s">
        <v>13</v>
      </c>
    </row>
    <row r="438" spans="1:9" ht="409.5" x14ac:dyDescent="0.4">
      <c r="A438" s="5" t="s">
        <v>1290</v>
      </c>
      <c r="B438" s="3" t="s">
        <v>1291</v>
      </c>
      <c r="C438" s="3" t="s">
        <v>1292</v>
      </c>
      <c r="D438" s="3" t="s">
        <v>12</v>
      </c>
      <c r="E438" s="3" t="s">
        <v>12</v>
      </c>
      <c r="F438" s="3" t="s">
        <v>13</v>
      </c>
      <c r="G438" s="3" t="s">
        <v>13</v>
      </c>
      <c r="H438" s="3" t="s">
        <v>13</v>
      </c>
      <c r="I438" s="3" t="s">
        <v>13</v>
      </c>
    </row>
    <row r="439" spans="1:9" ht="145" x14ac:dyDescent="0.4">
      <c r="A439" s="6" t="s">
        <v>1293</v>
      </c>
      <c r="B439" s="4" t="s">
        <v>1294</v>
      </c>
      <c r="C439" s="4" t="s">
        <v>1295</v>
      </c>
      <c r="D439" s="4" t="s">
        <v>12</v>
      </c>
      <c r="E439" s="4" t="s">
        <v>13</v>
      </c>
      <c r="F439" s="4" t="s">
        <v>13</v>
      </c>
      <c r="G439" s="4" t="s">
        <v>13</v>
      </c>
      <c r="H439" s="4" t="s">
        <v>13</v>
      </c>
      <c r="I439" s="4" t="s">
        <v>13</v>
      </c>
    </row>
    <row r="440" spans="1:9" ht="72.5" x14ac:dyDescent="0.4">
      <c r="A440" s="5" t="s">
        <v>1296</v>
      </c>
      <c r="B440" s="3" t="s">
        <v>1297</v>
      </c>
      <c r="C440" s="3" t="s">
        <v>1298</v>
      </c>
      <c r="D440" s="3" t="s">
        <v>12</v>
      </c>
      <c r="E440" s="3" t="s">
        <v>12</v>
      </c>
      <c r="F440" s="3" t="s">
        <v>13</v>
      </c>
      <c r="G440" s="3" t="s">
        <v>13</v>
      </c>
      <c r="H440" s="3" t="s">
        <v>13</v>
      </c>
      <c r="I440" s="3" t="s">
        <v>13</v>
      </c>
    </row>
    <row r="441" spans="1:9" ht="188.5" x14ac:dyDescent="0.4">
      <c r="A441" s="6" t="s">
        <v>1299</v>
      </c>
      <c r="B441" s="4" t="s">
        <v>1300</v>
      </c>
      <c r="C441" s="4" t="s">
        <v>1301</v>
      </c>
      <c r="D441" s="4" t="s">
        <v>13</v>
      </c>
      <c r="E441" s="4" t="s">
        <v>12</v>
      </c>
      <c r="F441" s="4" t="s">
        <v>13</v>
      </c>
      <c r="G441" s="4" t="s">
        <v>13</v>
      </c>
      <c r="H441" s="4" t="s">
        <v>12</v>
      </c>
      <c r="I441" s="4" t="s">
        <v>13</v>
      </c>
    </row>
    <row r="442" spans="1:9" ht="145" x14ac:dyDescent="0.4">
      <c r="A442" s="5" t="s">
        <v>1302</v>
      </c>
      <c r="B442" s="3" t="s">
        <v>1303</v>
      </c>
      <c r="C442" s="3" t="s">
        <v>1304</v>
      </c>
      <c r="D442" s="3" t="s">
        <v>12</v>
      </c>
      <c r="E442" s="3" t="s">
        <v>12</v>
      </c>
      <c r="F442" s="3" t="s">
        <v>13</v>
      </c>
      <c r="G442" s="3" t="s">
        <v>13</v>
      </c>
      <c r="H442" s="3" t="s">
        <v>13</v>
      </c>
      <c r="I442" s="3" t="s">
        <v>13</v>
      </c>
    </row>
    <row r="443" spans="1:9" ht="319" x14ac:dyDescent="0.4">
      <c r="A443" s="6" t="s">
        <v>1305</v>
      </c>
      <c r="B443" s="4" t="s">
        <v>1306</v>
      </c>
      <c r="C443" s="4" t="s">
        <v>1307</v>
      </c>
      <c r="D443" s="4" t="s">
        <v>12</v>
      </c>
      <c r="E443" s="4" t="s">
        <v>12</v>
      </c>
      <c r="F443" s="4" t="s">
        <v>12</v>
      </c>
      <c r="G443" s="4" t="s">
        <v>13</v>
      </c>
      <c r="H443" s="4" t="s">
        <v>13</v>
      </c>
      <c r="I443" s="4" t="s">
        <v>13</v>
      </c>
    </row>
    <row r="444" spans="1:9" ht="72.5" x14ac:dyDescent="0.4">
      <c r="A444" s="5" t="s">
        <v>1308</v>
      </c>
      <c r="B444" s="3" t="s">
        <v>1309</v>
      </c>
      <c r="C444" s="3" t="s">
        <v>1310</v>
      </c>
      <c r="D444" s="3" t="s">
        <v>12</v>
      </c>
      <c r="E444" s="3" t="s">
        <v>13</v>
      </c>
      <c r="F444" s="3" t="s">
        <v>13</v>
      </c>
      <c r="G444" s="3" t="s">
        <v>13</v>
      </c>
      <c r="H444" s="3" t="s">
        <v>13</v>
      </c>
      <c r="I444" s="3" t="s">
        <v>13</v>
      </c>
    </row>
    <row r="445" spans="1:9" ht="203" x14ac:dyDescent="0.4">
      <c r="A445" s="6" t="s">
        <v>1311</v>
      </c>
      <c r="B445" s="4" t="s">
        <v>1312</v>
      </c>
      <c r="C445" s="4" t="s">
        <v>1313</v>
      </c>
      <c r="D445" s="4" t="s">
        <v>13</v>
      </c>
      <c r="E445" s="4" t="s">
        <v>13</v>
      </c>
      <c r="F445" s="4" t="s">
        <v>13</v>
      </c>
      <c r="G445" s="4" t="s">
        <v>13</v>
      </c>
      <c r="H445" s="4" t="s">
        <v>13</v>
      </c>
      <c r="I445" s="4" t="s">
        <v>12</v>
      </c>
    </row>
    <row r="446" spans="1:9" ht="116" x14ac:dyDescent="0.4">
      <c r="A446" s="5" t="s">
        <v>1314</v>
      </c>
      <c r="B446" s="3" t="s">
        <v>1315</v>
      </c>
      <c r="C446" s="3" t="s">
        <v>1316</v>
      </c>
      <c r="D446" s="3" t="s">
        <v>12</v>
      </c>
      <c r="E446" s="3" t="s">
        <v>13</v>
      </c>
      <c r="F446" s="3" t="s">
        <v>13</v>
      </c>
      <c r="G446" s="3" t="s">
        <v>13</v>
      </c>
      <c r="H446" s="3" t="s">
        <v>13</v>
      </c>
      <c r="I446" s="3" t="s">
        <v>13</v>
      </c>
    </row>
    <row r="447" spans="1:9" ht="174" x14ac:dyDescent="0.4">
      <c r="A447" s="6" t="s">
        <v>1317</v>
      </c>
      <c r="B447" s="4" t="s">
        <v>1318</v>
      </c>
      <c r="C447" s="4" t="s">
        <v>1319</v>
      </c>
      <c r="D447" s="4" t="s">
        <v>12</v>
      </c>
      <c r="E447" s="4" t="s">
        <v>12</v>
      </c>
      <c r="F447" s="4" t="s">
        <v>13</v>
      </c>
      <c r="G447" s="4" t="s">
        <v>13</v>
      </c>
      <c r="H447" s="4" t="s">
        <v>13</v>
      </c>
      <c r="I447" s="4" t="s">
        <v>13</v>
      </c>
    </row>
    <row r="448" spans="1:9" ht="409.5" x14ac:dyDescent="0.4">
      <c r="A448" s="5" t="s">
        <v>1320</v>
      </c>
      <c r="B448" s="3" t="s">
        <v>1321</v>
      </c>
      <c r="C448" s="3" t="s">
        <v>1322</v>
      </c>
      <c r="D448" s="3" t="s">
        <v>12</v>
      </c>
      <c r="E448" s="3" t="s">
        <v>12</v>
      </c>
      <c r="F448" s="3" t="s">
        <v>13</v>
      </c>
      <c r="G448" s="3" t="s">
        <v>13</v>
      </c>
      <c r="H448" s="3" t="s">
        <v>12</v>
      </c>
      <c r="I448" s="3" t="s">
        <v>13</v>
      </c>
    </row>
    <row r="449" spans="1:9" ht="130.5" x14ac:dyDescent="0.4">
      <c r="A449" s="6" t="s">
        <v>1323</v>
      </c>
      <c r="B449" s="4" t="s">
        <v>1324</v>
      </c>
      <c r="C449" s="4" t="s">
        <v>1325</v>
      </c>
      <c r="D449" s="4" t="s">
        <v>12</v>
      </c>
      <c r="E449" s="4" t="s">
        <v>13</v>
      </c>
      <c r="F449" s="4" t="s">
        <v>13</v>
      </c>
      <c r="G449" s="4" t="s">
        <v>13</v>
      </c>
      <c r="H449" s="4" t="s">
        <v>12</v>
      </c>
      <c r="I449" s="4" t="s">
        <v>13</v>
      </c>
    </row>
    <row r="450" spans="1:9" ht="232" x14ac:dyDescent="0.4">
      <c r="A450" s="5" t="s">
        <v>1326</v>
      </c>
      <c r="B450" s="3" t="s">
        <v>1327</v>
      </c>
      <c r="C450" s="3" t="s">
        <v>1328</v>
      </c>
      <c r="D450" s="3" t="s">
        <v>12</v>
      </c>
      <c r="E450" s="3" t="s">
        <v>12</v>
      </c>
      <c r="F450" s="3" t="s">
        <v>13</v>
      </c>
      <c r="G450" s="3" t="s">
        <v>13</v>
      </c>
      <c r="H450" s="3" t="s">
        <v>13</v>
      </c>
      <c r="I450" s="3" t="s">
        <v>13</v>
      </c>
    </row>
    <row r="451" spans="1:9" ht="409.5" x14ac:dyDescent="0.4">
      <c r="A451" s="6" t="s">
        <v>1329</v>
      </c>
      <c r="B451" s="4" t="s">
        <v>1330</v>
      </c>
      <c r="C451" s="4" t="s">
        <v>1331</v>
      </c>
      <c r="D451" s="4" t="s">
        <v>12</v>
      </c>
      <c r="E451" s="4" t="s">
        <v>12</v>
      </c>
      <c r="F451" s="4" t="s">
        <v>12</v>
      </c>
      <c r="G451" s="4" t="s">
        <v>12</v>
      </c>
      <c r="H451" s="4" t="s">
        <v>12</v>
      </c>
      <c r="I451" s="4" t="s">
        <v>13</v>
      </c>
    </row>
    <row r="452" spans="1:9" ht="87" x14ac:dyDescent="0.4">
      <c r="A452" s="5" t="s">
        <v>1332</v>
      </c>
      <c r="B452" s="3" t="s">
        <v>1333</v>
      </c>
      <c r="C452" s="3" t="s">
        <v>1334</v>
      </c>
      <c r="D452" s="3" t="s">
        <v>12</v>
      </c>
      <c r="E452" s="3" t="s">
        <v>12</v>
      </c>
      <c r="F452" s="3" t="s">
        <v>13</v>
      </c>
      <c r="G452" s="3" t="s">
        <v>13</v>
      </c>
      <c r="H452" s="3" t="s">
        <v>13</v>
      </c>
      <c r="I452" s="3" t="s">
        <v>12</v>
      </c>
    </row>
    <row r="453" spans="1:9" ht="116" x14ac:dyDescent="0.4">
      <c r="A453" s="6" t="s">
        <v>1335</v>
      </c>
      <c r="B453" s="4" t="s">
        <v>1336</v>
      </c>
      <c r="C453" s="4" t="s">
        <v>1337</v>
      </c>
      <c r="D453" s="4" t="s">
        <v>12</v>
      </c>
      <c r="E453" s="4" t="s">
        <v>12</v>
      </c>
      <c r="F453" s="4" t="s">
        <v>13</v>
      </c>
      <c r="G453" s="4" t="s">
        <v>13</v>
      </c>
      <c r="H453" s="4" t="s">
        <v>12</v>
      </c>
      <c r="I453" s="4" t="s">
        <v>13</v>
      </c>
    </row>
  </sheetData>
  <autoFilter ref="A1:I453" xr:uid="{00000000-0001-0000-0000-000000000000}"/>
  <pageMargins left="0.7" right="0.7" top="0.75" bottom="0.75" header="0.3" footer="0.3"/>
  <pageSetup orientation="portrait" horizontalDpi="1200" verticalDpi="1200" r:id="rId1"/>
  <headerFooter>
    <oddHeader>&amp;C&amp;"Calibri"&amp;12&amp;K000000  OFFICIAL&amp;1#_x000D_</oddHead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PC blank template","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cTag xmlns="f0936291-3657-4e29-b2ca-176385f45cb0" xsi:nil="true"/>
    <TaxCatchAll xmlns="92f515d7-60fe-4be8-8c70-6cf03a959bc1">
      <Value>1</Value>
    </TaxCatchAll>
    <i0f84bba906045b4af568ee102a52dcb xmlns="92f515d7-60fe-4be8-8c70-6cf03a959bc1">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f0936291-3657-4e29-b2ca-176385f45cb0">
      <Terms xmlns="http://schemas.microsoft.com/office/infopath/2007/PartnerControls"/>
    </lcf76f155ced4ddcb4097134ff3c332f>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0F5067901987DA4FA4CCF686E4A73482" ma:contentTypeVersion="14" ma:contentTypeDescription="Create a new document." ma:contentTypeScope="" ma:versionID="b5e23e34451118d068d66755300e0699">
  <xsd:schema xmlns:xsd="http://www.w3.org/2001/XMLSchema" xmlns:xs="http://www.w3.org/2001/XMLSchema" xmlns:p="http://schemas.microsoft.com/office/2006/metadata/properties" xmlns:ns2="f0936291-3657-4e29-b2ca-176385f45cb0" xmlns:ns3="92f515d7-60fe-4be8-8c70-6cf03a959bc1" targetNamespace="http://schemas.microsoft.com/office/2006/metadata/properties" ma:root="true" ma:fieldsID="d447d4b33ab50c5face912317f323c9e" ns2:_="" ns3:_="">
    <xsd:import namespace="f0936291-3657-4e29-b2ca-176385f45cb0"/>
    <xsd:import namespace="92f515d7-60fe-4be8-8c70-6cf03a959bc1"/>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i0f84bba906045b4af568ee102a52dcb" minOccurs="0"/>
                <xsd:element ref="ns3:TaxCatchAll" minOccurs="0"/>
                <xsd:element ref="ns2:lcf76f155ced4ddcb4097134ff3c332f" minOccurs="0"/>
                <xsd:element ref="ns2:MediaServiceDateTaken" minOccurs="0"/>
                <xsd:element ref="ns2:MediaServiceOCR" minOccurs="0"/>
                <xsd:element ref="ns2:MediaServiceGenerationTime" minOccurs="0"/>
                <xsd:element ref="ns2:MediaServiceEventHashCode" minOccurs="0"/>
                <xsd:element ref="ns2:cTag"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0936291-3657-4e29-b2ca-176385f45cb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cTag" ma:index="21" nillable="true" ma:displayName="cTag" ma:format="Dropdown" ma:internalName="cTag">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2f515d7-60fe-4be8-8c70-6cf03a959bc1"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da54f4da-de0e-4147-8743-e663090c018e}" ma:internalName="TaxCatchAll" ma:showField="CatchAllData" ma:web="92f515d7-60fe-4be8-8c70-6cf03a959bc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D9655C0-F7A1-4D55-9147-BB925AD94C66}">
  <ds:schemaRefs/>
</ds:datastoreItem>
</file>

<file path=customXml/itemProps2.xml><?xml version="1.0" encoding="utf-8"?>
<ds:datastoreItem xmlns:ds="http://schemas.openxmlformats.org/officeDocument/2006/customXml" ds:itemID="{07F143E1-34BE-43D3-9125-44B8FA468A7C}">
  <ds:schemaRefs/>
</ds:datastoreItem>
</file>

<file path=customXml/itemProps3.xml><?xml version="1.0" encoding="utf-8"?>
<ds:datastoreItem xmlns:ds="http://schemas.openxmlformats.org/officeDocument/2006/customXml" ds:itemID="{3734BEE4-9888-4CB4-8A37-939C56FBFC02}">
  <ds:schemaRefs>
    <ds:schemaRef ds:uri="http://schemas.microsoft.com/office/2006/metadata/properties"/>
    <ds:schemaRef ds:uri="f0936291-3657-4e29-b2ca-176385f45cb0"/>
    <ds:schemaRef ds:uri="http://schemas.microsoft.com/office/2006/documentManagement/types"/>
    <ds:schemaRef ds:uri="http://schemas.microsoft.com/office/infopath/2007/PartnerControls"/>
    <ds:schemaRef ds:uri="http://schemas.openxmlformats.org/package/2006/metadata/core-properties"/>
    <ds:schemaRef ds:uri="http://purl.org/dc/dcmitype/"/>
    <ds:schemaRef ds:uri="http://www.w3.org/XML/1998/namespace"/>
    <ds:schemaRef ds:uri="92f515d7-60fe-4be8-8c70-6cf03a959bc1"/>
    <ds:schemaRef ds:uri="http://purl.org/dc/terms/"/>
    <ds:schemaRef ds:uri="http://purl.org/dc/elements/1.1/"/>
  </ds:schemaRefs>
</ds:datastoreItem>
</file>

<file path=customXml/itemProps4.xml><?xml version="1.0" encoding="utf-8"?>
<ds:datastoreItem xmlns:ds="http://schemas.openxmlformats.org/officeDocument/2006/customXml" ds:itemID="{8A78C63D-FDB4-44FC-87A1-8AB825B17403}">
  <ds:schemaRefs>
    <ds:schemaRef ds:uri="http://schemas.microsoft.com/sharepoint/v3/contenttype/forms"/>
  </ds:schemaRefs>
</ds:datastoreItem>
</file>

<file path=customXml/itemProps5.xml><?xml version="1.0" encoding="utf-8"?>
<ds:datastoreItem xmlns:ds="http://schemas.openxmlformats.org/officeDocument/2006/customXml" ds:itemID="{03A2BF42-80CC-4059-8072-15E1CD53A65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0936291-3657-4e29-b2ca-176385f45cb0"/>
    <ds:schemaRef ds:uri="92f515d7-60fe-4be8-8c70-6cf03a959bc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vt:i4>
      </vt:variant>
    </vt:vector>
  </HeadingPairs>
  <TitlesOfParts>
    <vt:vector size="1" baseType="lpstr">
      <vt:lpstr>Productivity Pitch ideas</vt:lpstr>
    </vt:vector>
  </TitlesOfParts>
  <Company>Productivity Commission</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stralia's Productivity Pitch ideas</dc:title>
  <dc:creator>Productivity Commission</dc:creator>
  <cp:lastModifiedBy>Chris Alston</cp:lastModifiedBy>
  <dcterms:created xsi:type="dcterms:W3CDTF">2026-02-17T14:22:16Z</dcterms:created>
  <dcterms:modified xsi:type="dcterms:W3CDTF">2026-06-17T23:31:4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f7467c1a-e0ed-413c-a72b-aac8e8e94f41_Enabled">
    <vt:lpwstr>true</vt:lpwstr>
  </property>
  <property fmtid="{D5CDD505-2E9C-101B-9397-08002B2CF9AE}" pid="3" name="MSIP_Label_f7467c1a-e0ed-413c-a72b-aac8e8e94f41_SetDate">
    <vt:lpwstr>2025-09-10T22:28:39Z</vt:lpwstr>
  </property>
  <property fmtid="{D5CDD505-2E9C-101B-9397-08002B2CF9AE}" pid="4" name="MSIP_Label_f7467c1a-e0ed-413c-a72b-aac8e8e94f41_Method">
    <vt:lpwstr>Privileged</vt:lpwstr>
  </property>
  <property fmtid="{D5CDD505-2E9C-101B-9397-08002B2CF9AE}" pid="5" name="MSIP_Label_f7467c1a-e0ed-413c-a72b-aac8e8e94f41_Name">
    <vt:lpwstr>OFFICIAL</vt:lpwstr>
  </property>
  <property fmtid="{D5CDD505-2E9C-101B-9397-08002B2CF9AE}" pid="6" name="MSIP_Label_f7467c1a-e0ed-413c-a72b-aac8e8e94f41_SiteId">
    <vt:lpwstr>29f9330b-c0fe-4244-830e-ba9f275d6c34</vt:lpwstr>
  </property>
  <property fmtid="{D5CDD505-2E9C-101B-9397-08002B2CF9AE}" pid="7" name="MSIP_Label_f7467c1a-e0ed-413c-a72b-aac8e8e94f41_ActionId">
    <vt:lpwstr>94b8f9b9-7577-4951-a947-767616e5e1f6</vt:lpwstr>
  </property>
  <property fmtid="{D5CDD505-2E9C-101B-9397-08002B2CF9AE}" pid="8" name="MSIP_Label_f7467c1a-e0ed-413c-a72b-aac8e8e94f41_ContentBits">
    <vt:lpwstr>1</vt:lpwstr>
  </property>
  <property fmtid="{D5CDD505-2E9C-101B-9397-08002B2CF9AE}" pid="9" name="MSIP_Label_f7467c1a-e0ed-413c-a72b-aac8e8e94f41_Tag">
    <vt:lpwstr>10, 0, 1, 1</vt:lpwstr>
  </property>
  <property fmtid="{D5CDD505-2E9C-101B-9397-08002B2CF9AE}" pid="10" name="TemplafyTenantId">
    <vt:lpwstr>productivitycommission</vt:lpwstr>
  </property>
  <property fmtid="{D5CDD505-2E9C-101B-9397-08002B2CF9AE}" pid="11" name="TemplafyTemplateId">
    <vt:lpwstr>1272033025967783940</vt:lpwstr>
  </property>
  <property fmtid="{D5CDD505-2E9C-101B-9397-08002B2CF9AE}" pid="12" name="TemplafyUserProfileId">
    <vt:lpwstr>638210203448870632</vt:lpwstr>
  </property>
  <property fmtid="{D5CDD505-2E9C-101B-9397-08002B2CF9AE}" pid="13" name="TemplafyFromBlank">
    <vt:bool>true</vt:bool>
  </property>
  <property fmtid="{D5CDD505-2E9C-101B-9397-08002B2CF9AE}" pid="14" name="ContentTypeId">
    <vt:lpwstr>0x0101000F5067901987DA4FA4CCF686E4A73482</vt:lpwstr>
  </property>
  <property fmtid="{D5CDD505-2E9C-101B-9397-08002B2CF9AE}" pid="15" name="RevIMBCS">
    <vt:lpwstr>1;#Unclassified|3955eeb1-2d18-4582-aeb2-00144ec3aaf5</vt:lpwstr>
  </property>
  <property fmtid="{D5CDD505-2E9C-101B-9397-08002B2CF9AE}" pid="16" name="MediaServiceImageTags">
    <vt:lpwstr/>
  </property>
</Properties>
</file>